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9"/>
  </p:notesMasterIdLst>
  <p:handoutMasterIdLst>
    <p:handoutMasterId r:id="rId20"/>
  </p:handoutMasterIdLst>
  <p:sldIdLst>
    <p:sldId id="260" r:id="rId8"/>
    <p:sldId id="257" r:id="rId9"/>
    <p:sldId id="262" r:id="rId10"/>
    <p:sldId id="263" r:id="rId11"/>
    <p:sldId id="270" r:id="rId12"/>
    <p:sldId id="264" r:id="rId13"/>
    <p:sldId id="265" r:id="rId14"/>
    <p:sldId id="266" r:id="rId15"/>
    <p:sldId id="261" r:id="rId16"/>
    <p:sldId id="268" r:id="rId17"/>
    <p:sldId id="269" r:id="rId18"/>
  </p:sldIdLst>
  <p:sldSz cx="12190413" cy="6858000"/>
  <p:notesSz cx="6858000" cy="9144000"/>
  <p:custDataLst>
    <p:tags r:id="rId21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69" d="100"/>
          <a:sy n="69" d="100"/>
        </p:scale>
        <p:origin x="564" y="4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tags" Target="tags/tag1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viewProps" Target="viewProps.xml"/><Relationship Id="rId10" Type="http://schemas.openxmlformats.org/officeDocument/2006/relationships/slide" Target="slides/slide3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doi.org/10.1063/1.4736975" TargetMode="External"/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Relationship Id="rId4" Type="http://schemas.openxmlformats.org/officeDocument/2006/relationships/hyperlink" Target="https://doi.org/10.1063/1.5019662" TargetMode="Externa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hyperlink" Target="https://doi.org/10.1088/1741-4326/ab9fa8" TargetMode="External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9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Source terms in gyro-fluid models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 smtClean="0"/>
              <a:t>TSVV3 status meeting, M. Wiesenberger, 22.9.21</a:t>
            </a:r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5" name="Rectangle 4"/>
          <p:cNvSpPr/>
          <p:nvPr/>
        </p:nvSpPr>
        <p:spPr bwMode="auto">
          <a:xfrm>
            <a:off x="982638" y="2564904"/>
            <a:ext cx="3600400" cy="2448272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TextBox 5"/>
          <p:cNvSpPr txBox="1"/>
          <p:nvPr/>
        </p:nvSpPr>
        <p:spPr>
          <a:xfrm>
            <a:off x="1486694" y="5373216"/>
            <a:ext cx="86241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err="1" smtClean="0">
                <a:latin typeface="+mn-lt"/>
              </a:rPr>
              <a:t>mNV</a:t>
            </a:r>
            <a:r>
              <a:rPr lang="en-GB" dirty="0" smtClean="0">
                <a:latin typeface="+mn-lt"/>
              </a:rPr>
              <a:t> = 0 </a:t>
            </a:r>
            <a:endParaRPr lang="en-GB" dirty="0" smtClean="0">
              <a:latin typeface="+mn-lt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8183438" y="1997223"/>
            <a:ext cx="126477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AFTER: </a:t>
            </a:r>
            <a:r>
              <a:rPr lang="en-GB" b="1" dirty="0" smtClean="0">
                <a:ln w="22225">
                  <a:solidFill>
                    <a:schemeClr val="accent2"/>
                  </a:solidFill>
                  <a:prstDash val="solid"/>
                </a:ln>
                <a:solidFill>
                  <a:schemeClr val="accent2">
                    <a:lumMod val="40000"/>
                    <a:lumOff val="60000"/>
                  </a:schemeClr>
                </a:solidFill>
                <a:latin typeface="+mn-lt"/>
              </a:rPr>
              <a:t>ions</a:t>
            </a:r>
            <a:r>
              <a:rPr lang="en-GB" dirty="0" smtClean="0">
                <a:latin typeface="+mn-lt"/>
              </a:rPr>
              <a:t> </a:t>
            </a:r>
            <a:endParaRPr lang="en-GB" dirty="0" smtClean="0">
              <a:latin typeface="+mn-lt"/>
            </a:endParaRPr>
          </a:p>
        </p:txBody>
      </p:sp>
      <p:sp>
        <p:nvSpPr>
          <p:cNvPr id="8" name="Rectangle 7"/>
          <p:cNvSpPr/>
          <p:nvPr/>
        </p:nvSpPr>
        <p:spPr bwMode="auto">
          <a:xfrm>
            <a:off x="7031310" y="2543092"/>
            <a:ext cx="3600400" cy="2448272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1711102" y="1997224"/>
            <a:ext cx="174406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BEFORE: </a:t>
            </a:r>
            <a:r>
              <a:rPr lang="en-GB" dirty="0" smtClean="0">
                <a:ln w="0"/>
                <a:solidFill>
                  <a:schemeClr val="accent1"/>
                </a:solidFill>
                <a:effectLst>
                  <a:outerShdw blurRad="38100" dist="25400" dir="5400000" algn="ctr" rotWithShape="0">
                    <a:srgbClr val="6E747A">
                      <a:alpha val="43000"/>
                    </a:srgbClr>
                  </a:outerShdw>
                </a:effectLst>
                <a:latin typeface="+mn-lt"/>
              </a:rPr>
              <a:t>neutrals </a:t>
            </a:r>
            <a:endParaRPr lang="en-GB" dirty="0" smtClean="0">
              <a:ln w="0"/>
              <a:solidFill>
                <a:schemeClr val="accent1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  <a:latin typeface="+mn-lt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8111430" y="5373216"/>
            <a:ext cx="1635063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err="1" smtClean="0">
                <a:latin typeface="+mn-lt"/>
              </a:rPr>
              <a:t>mNV</a:t>
            </a:r>
            <a:r>
              <a:rPr lang="en-GB" dirty="0" smtClean="0">
                <a:latin typeface="+mn-lt"/>
              </a:rPr>
              <a:t> = </a:t>
            </a:r>
            <a:r>
              <a:rPr lang="en-GB" dirty="0" err="1" smtClean="0">
                <a:latin typeface="+mn-lt"/>
              </a:rPr>
              <a:t>mNV_ExB</a:t>
            </a:r>
            <a:endParaRPr lang="en-GB" dirty="0" smtClean="0">
              <a:latin typeface="+mn-lt"/>
            </a:endParaRPr>
          </a:p>
        </p:txBody>
      </p:sp>
      <p:sp>
        <p:nvSpPr>
          <p:cNvPr id="11" name="Up Arrow 10"/>
          <p:cNvSpPr/>
          <p:nvPr/>
        </p:nvSpPr>
        <p:spPr bwMode="auto">
          <a:xfrm>
            <a:off x="478582" y="2708920"/>
            <a:ext cx="288032" cy="2088232"/>
          </a:xfrm>
          <a:prstGeom prst="upArrow">
            <a:avLst/>
          </a:prstGeom>
          <a:solidFill>
            <a:schemeClr val="accent2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Up Arrow 11"/>
          <p:cNvSpPr/>
          <p:nvPr/>
        </p:nvSpPr>
        <p:spPr bwMode="auto">
          <a:xfrm>
            <a:off x="6527254" y="2708920"/>
            <a:ext cx="288032" cy="2088232"/>
          </a:xfrm>
          <a:prstGeom prst="upArrow">
            <a:avLst/>
          </a:prstGeom>
          <a:solidFill>
            <a:schemeClr val="accent2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14" name="Straight Arrow Connector 13"/>
          <p:cNvCxnSpPr/>
          <p:nvPr/>
        </p:nvCxnSpPr>
        <p:spPr bwMode="auto">
          <a:xfrm flipH="1" flipV="1">
            <a:off x="1310032" y="2759809"/>
            <a:ext cx="326504" cy="64388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Arrow Connector 14"/>
          <p:cNvCxnSpPr/>
          <p:nvPr/>
        </p:nvCxnSpPr>
        <p:spPr bwMode="auto">
          <a:xfrm>
            <a:off x="2144874" y="2996952"/>
            <a:ext cx="207640" cy="670293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Arrow Connector 15"/>
          <p:cNvCxnSpPr/>
          <p:nvPr/>
        </p:nvCxnSpPr>
        <p:spPr bwMode="auto">
          <a:xfrm flipV="1">
            <a:off x="3680470" y="2996952"/>
            <a:ext cx="396044" cy="649529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Arrow Connector 16"/>
          <p:cNvCxnSpPr/>
          <p:nvPr/>
        </p:nvCxnSpPr>
        <p:spPr bwMode="auto">
          <a:xfrm flipH="1">
            <a:off x="1461542" y="3958208"/>
            <a:ext cx="554360" cy="11097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Arrow Connector 17"/>
          <p:cNvCxnSpPr/>
          <p:nvPr/>
        </p:nvCxnSpPr>
        <p:spPr bwMode="auto">
          <a:xfrm flipV="1">
            <a:off x="1310032" y="4429218"/>
            <a:ext cx="720080" cy="193295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Arrow Connector 18"/>
          <p:cNvCxnSpPr/>
          <p:nvPr/>
        </p:nvCxnSpPr>
        <p:spPr bwMode="auto">
          <a:xfrm>
            <a:off x="2320702" y="4263008"/>
            <a:ext cx="262880" cy="121387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Arrow Connector 19"/>
          <p:cNvCxnSpPr/>
          <p:nvPr/>
        </p:nvCxnSpPr>
        <p:spPr bwMode="auto">
          <a:xfrm flipH="1">
            <a:off x="2714278" y="3909469"/>
            <a:ext cx="830560" cy="21704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Arrow Connector 20"/>
          <p:cNvCxnSpPr/>
          <p:nvPr/>
        </p:nvCxnSpPr>
        <p:spPr bwMode="auto">
          <a:xfrm flipV="1">
            <a:off x="3040782" y="4263008"/>
            <a:ext cx="864096" cy="33242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Arrow Connector 21"/>
          <p:cNvCxnSpPr/>
          <p:nvPr/>
        </p:nvCxnSpPr>
        <p:spPr bwMode="auto">
          <a:xfrm flipH="1" flipV="1">
            <a:off x="2985542" y="3149352"/>
            <a:ext cx="478904" cy="254337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Straight Arrow Connector 22"/>
          <p:cNvCxnSpPr/>
          <p:nvPr/>
        </p:nvCxnSpPr>
        <p:spPr bwMode="auto">
          <a:xfrm flipV="1">
            <a:off x="2930302" y="4797152"/>
            <a:ext cx="874948" cy="75456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5" name="Freeform 34"/>
          <p:cNvSpPr/>
          <p:nvPr/>
        </p:nvSpPr>
        <p:spPr bwMode="auto">
          <a:xfrm>
            <a:off x="7472218" y="2927927"/>
            <a:ext cx="895927" cy="387928"/>
          </a:xfrm>
          <a:custGeom>
            <a:avLst/>
            <a:gdLst>
              <a:gd name="connsiteX0" fmla="*/ 895927 w 895927"/>
              <a:gd name="connsiteY0" fmla="*/ 221673 h 387928"/>
              <a:gd name="connsiteX1" fmla="*/ 868218 w 895927"/>
              <a:gd name="connsiteY1" fmla="*/ 92364 h 387928"/>
              <a:gd name="connsiteX2" fmla="*/ 840509 w 895927"/>
              <a:gd name="connsiteY2" fmla="*/ 73891 h 387928"/>
              <a:gd name="connsiteX3" fmla="*/ 822037 w 895927"/>
              <a:gd name="connsiteY3" fmla="*/ 46182 h 387928"/>
              <a:gd name="connsiteX4" fmla="*/ 757382 w 895927"/>
              <a:gd name="connsiteY4" fmla="*/ 18473 h 387928"/>
              <a:gd name="connsiteX5" fmla="*/ 720437 w 895927"/>
              <a:gd name="connsiteY5" fmla="*/ 0 h 387928"/>
              <a:gd name="connsiteX6" fmla="*/ 554182 w 895927"/>
              <a:gd name="connsiteY6" fmla="*/ 9237 h 387928"/>
              <a:gd name="connsiteX7" fmla="*/ 526473 w 895927"/>
              <a:gd name="connsiteY7" fmla="*/ 27709 h 387928"/>
              <a:gd name="connsiteX8" fmla="*/ 517237 w 895927"/>
              <a:gd name="connsiteY8" fmla="*/ 64655 h 387928"/>
              <a:gd name="connsiteX9" fmla="*/ 498764 w 895927"/>
              <a:gd name="connsiteY9" fmla="*/ 120073 h 387928"/>
              <a:gd name="connsiteX10" fmla="*/ 517237 w 895927"/>
              <a:gd name="connsiteY10" fmla="*/ 221673 h 387928"/>
              <a:gd name="connsiteX11" fmla="*/ 572655 w 895927"/>
              <a:gd name="connsiteY11" fmla="*/ 267855 h 387928"/>
              <a:gd name="connsiteX12" fmla="*/ 600364 w 895927"/>
              <a:gd name="connsiteY12" fmla="*/ 277091 h 387928"/>
              <a:gd name="connsiteX13" fmla="*/ 646546 w 895927"/>
              <a:gd name="connsiteY13" fmla="*/ 267855 h 387928"/>
              <a:gd name="connsiteX14" fmla="*/ 609600 w 895927"/>
              <a:gd name="connsiteY14" fmla="*/ 120073 h 387928"/>
              <a:gd name="connsiteX15" fmla="*/ 600364 w 895927"/>
              <a:gd name="connsiteY15" fmla="*/ 92364 h 387928"/>
              <a:gd name="connsiteX16" fmla="*/ 544946 w 895927"/>
              <a:gd name="connsiteY16" fmla="*/ 64655 h 387928"/>
              <a:gd name="connsiteX17" fmla="*/ 508000 w 895927"/>
              <a:gd name="connsiteY17" fmla="*/ 46182 h 387928"/>
              <a:gd name="connsiteX18" fmla="*/ 286327 w 895927"/>
              <a:gd name="connsiteY18" fmla="*/ 55418 h 387928"/>
              <a:gd name="connsiteX19" fmla="*/ 258618 w 895927"/>
              <a:gd name="connsiteY19" fmla="*/ 64655 h 387928"/>
              <a:gd name="connsiteX20" fmla="*/ 249382 w 895927"/>
              <a:gd name="connsiteY20" fmla="*/ 92364 h 387928"/>
              <a:gd name="connsiteX21" fmla="*/ 230909 w 895927"/>
              <a:gd name="connsiteY21" fmla="*/ 120073 h 387928"/>
              <a:gd name="connsiteX22" fmla="*/ 230909 w 895927"/>
              <a:gd name="connsiteY22" fmla="*/ 286328 h 387928"/>
              <a:gd name="connsiteX23" fmla="*/ 258618 w 895927"/>
              <a:gd name="connsiteY23" fmla="*/ 341746 h 387928"/>
              <a:gd name="connsiteX24" fmla="*/ 314037 w 895927"/>
              <a:gd name="connsiteY24" fmla="*/ 369455 h 387928"/>
              <a:gd name="connsiteX25" fmla="*/ 341746 w 895927"/>
              <a:gd name="connsiteY25" fmla="*/ 387928 h 387928"/>
              <a:gd name="connsiteX26" fmla="*/ 415637 w 895927"/>
              <a:gd name="connsiteY26" fmla="*/ 378691 h 387928"/>
              <a:gd name="connsiteX27" fmla="*/ 434109 w 895927"/>
              <a:gd name="connsiteY27" fmla="*/ 341746 h 387928"/>
              <a:gd name="connsiteX28" fmla="*/ 424873 w 895927"/>
              <a:gd name="connsiteY28" fmla="*/ 249382 h 387928"/>
              <a:gd name="connsiteX29" fmla="*/ 415637 w 895927"/>
              <a:gd name="connsiteY29" fmla="*/ 221673 h 387928"/>
              <a:gd name="connsiteX30" fmla="*/ 387927 w 895927"/>
              <a:gd name="connsiteY30" fmla="*/ 203200 h 387928"/>
              <a:gd name="connsiteX31" fmla="*/ 332509 w 895927"/>
              <a:gd name="connsiteY31" fmla="*/ 157018 h 387928"/>
              <a:gd name="connsiteX32" fmla="*/ 277091 w 895927"/>
              <a:gd name="connsiteY32" fmla="*/ 138546 h 387928"/>
              <a:gd name="connsiteX33" fmla="*/ 249382 w 895927"/>
              <a:gd name="connsiteY33" fmla="*/ 120073 h 387928"/>
              <a:gd name="connsiteX34" fmla="*/ 175491 w 895927"/>
              <a:gd name="connsiteY34" fmla="*/ 101600 h 387928"/>
              <a:gd name="connsiteX35" fmla="*/ 138546 w 895927"/>
              <a:gd name="connsiteY35" fmla="*/ 83128 h 387928"/>
              <a:gd name="connsiteX36" fmla="*/ 0 w 895927"/>
              <a:gd name="connsiteY36" fmla="*/ 83128 h 387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895927" h="387928">
                <a:moveTo>
                  <a:pt x="895927" y="221673"/>
                </a:moveTo>
                <a:cubicBezTo>
                  <a:pt x="891404" y="171922"/>
                  <a:pt x="903688" y="127834"/>
                  <a:pt x="868218" y="92364"/>
                </a:cubicBezTo>
                <a:cubicBezTo>
                  <a:pt x="860369" y="84515"/>
                  <a:pt x="849745" y="80049"/>
                  <a:pt x="840509" y="73891"/>
                </a:cubicBezTo>
                <a:cubicBezTo>
                  <a:pt x="834352" y="64655"/>
                  <a:pt x="830565" y="53288"/>
                  <a:pt x="822037" y="46182"/>
                </a:cubicBezTo>
                <a:cubicBezTo>
                  <a:pt x="800412" y="28161"/>
                  <a:pt x="781163" y="28665"/>
                  <a:pt x="757382" y="18473"/>
                </a:cubicBezTo>
                <a:cubicBezTo>
                  <a:pt x="744727" y="13049"/>
                  <a:pt x="732752" y="6158"/>
                  <a:pt x="720437" y="0"/>
                </a:cubicBezTo>
                <a:cubicBezTo>
                  <a:pt x="665019" y="3079"/>
                  <a:pt x="609128" y="1388"/>
                  <a:pt x="554182" y="9237"/>
                </a:cubicBezTo>
                <a:cubicBezTo>
                  <a:pt x="543193" y="10807"/>
                  <a:pt x="532630" y="18473"/>
                  <a:pt x="526473" y="27709"/>
                </a:cubicBezTo>
                <a:cubicBezTo>
                  <a:pt x="519432" y="38271"/>
                  <a:pt x="520885" y="52496"/>
                  <a:pt x="517237" y="64655"/>
                </a:cubicBezTo>
                <a:cubicBezTo>
                  <a:pt x="511642" y="83306"/>
                  <a:pt x="498764" y="120073"/>
                  <a:pt x="498764" y="120073"/>
                </a:cubicBezTo>
                <a:cubicBezTo>
                  <a:pt x="499156" y="123212"/>
                  <a:pt x="504093" y="201957"/>
                  <a:pt x="517237" y="221673"/>
                </a:cubicBezTo>
                <a:cubicBezTo>
                  <a:pt x="527450" y="236993"/>
                  <a:pt x="555617" y="259336"/>
                  <a:pt x="572655" y="267855"/>
                </a:cubicBezTo>
                <a:cubicBezTo>
                  <a:pt x="581363" y="272209"/>
                  <a:pt x="591128" y="274012"/>
                  <a:pt x="600364" y="277091"/>
                </a:cubicBezTo>
                <a:cubicBezTo>
                  <a:pt x="615758" y="274012"/>
                  <a:pt x="642501" y="283024"/>
                  <a:pt x="646546" y="267855"/>
                </a:cubicBezTo>
                <a:cubicBezTo>
                  <a:pt x="676817" y="154340"/>
                  <a:pt x="662912" y="155615"/>
                  <a:pt x="609600" y="120073"/>
                </a:cubicBezTo>
                <a:cubicBezTo>
                  <a:pt x="606521" y="110837"/>
                  <a:pt x="606446" y="99967"/>
                  <a:pt x="600364" y="92364"/>
                </a:cubicBezTo>
                <a:cubicBezTo>
                  <a:pt x="584929" y="73069"/>
                  <a:pt x="565317" y="73385"/>
                  <a:pt x="544946" y="64655"/>
                </a:cubicBezTo>
                <a:cubicBezTo>
                  <a:pt x="532290" y="59231"/>
                  <a:pt x="520315" y="52340"/>
                  <a:pt x="508000" y="46182"/>
                </a:cubicBezTo>
                <a:cubicBezTo>
                  <a:pt x="434109" y="49261"/>
                  <a:pt x="360080" y="49955"/>
                  <a:pt x="286327" y="55418"/>
                </a:cubicBezTo>
                <a:cubicBezTo>
                  <a:pt x="276618" y="56137"/>
                  <a:pt x="265502" y="57771"/>
                  <a:pt x="258618" y="64655"/>
                </a:cubicBezTo>
                <a:cubicBezTo>
                  <a:pt x="251734" y="71539"/>
                  <a:pt x="253736" y="83656"/>
                  <a:pt x="249382" y="92364"/>
                </a:cubicBezTo>
                <a:cubicBezTo>
                  <a:pt x="244418" y="102293"/>
                  <a:pt x="237067" y="110837"/>
                  <a:pt x="230909" y="120073"/>
                </a:cubicBezTo>
                <a:cubicBezTo>
                  <a:pt x="208077" y="188572"/>
                  <a:pt x="216083" y="152895"/>
                  <a:pt x="230909" y="286328"/>
                </a:cubicBezTo>
                <a:cubicBezTo>
                  <a:pt x="232787" y="303228"/>
                  <a:pt x="247139" y="330267"/>
                  <a:pt x="258618" y="341746"/>
                </a:cubicBezTo>
                <a:cubicBezTo>
                  <a:pt x="285086" y="368214"/>
                  <a:pt x="283991" y="354431"/>
                  <a:pt x="314037" y="369455"/>
                </a:cubicBezTo>
                <a:cubicBezTo>
                  <a:pt x="323966" y="374419"/>
                  <a:pt x="332510" y="381770"/>
                  <a:pt x="341746" y="387928"/>
                </a:cubicBezTo>
                <a:cubicBezTo>
                  <a:pt x="366376" y="384849"/>
                  <a:pt x="393436" y="389792"/>
                  <a:pt x="415637" y="378691"/>
                </a:cubicBezTo>
                <a:cubicBezTo>
                  <a:pt x="427952" y="372533"/>
                  <a:pt x="433128" y="355480"/>
                  <a:pt x="434109" y="341746"/>
                </a:cubicBezTo>
                <a:cubicBezTo>
                  <a:pt x="436313" y="310883"/>
                  <a:pt x="429578" y="279964"/>
                  <a:pt x="424873" y="249382"/>
                </a:cubicBezTo>
                <a:cubicBezTo>
                  <a:pt x="423393" y="239759"/>
                  <a:pt x="421719" y="229275"/>
                  <a:pt x="415637" y="221673"/>
                </a:cubicBezTo>
                <a:cubicBezTo>
                  <a:pt x="408702" y="213005"/>
                  <a:pt x="396455" y="210307"/>
                  <a:pt x="387927" y="203200"/>
                </a:cubicBezTo>
                <a:cubicBezTo>
                  <a:pt x="363070" y="182486"/>
                  <a:pt x="361992" y="170121"/>
                  <a:pt x="332509" y="157018"/>
                </a:cubicBezTo>
                <a:cubicBezTo>
                  <a:pt x="314715" y="149110"/>
                  <a:pt x="277091" y="138546"/>
                  <a:pt x="277091" y="138546"/>
                </a:cubicBezTo>
                <a:cubicBezTo>
                  <a:pt x="267855" y="132388"/>
                  <a:pt x="259814" y="123867"/>
                  <a:pt x="249382" y="120073"/>
                </a:cubicBezTo>
                <a:cubicBezTo>
                  <a:pt x="225522" y="111397"/>
                  <a:pt x="198199" y="112954"/>
                  <a:pt x="175491" y="101600"/>
                </a:cubicBezTo>
                <a:cubicBezTo>
                  <a:pt x="163176" y="95443"/>
                  <a:pt x="152239" y="84569"/>
                  <a:pt x="138546" y="83128"/>
                </a:cubicBezTo>
                <a:cubicBezTo>
                  <a:pt x="92618" y="78294"/>
                  <a:pt x="46182" y="83128"/>
                  <a:pt x="0" y="83128"/>
                </a:cubicBezTo>
              </a:path>
            </a:pathLst>
          </a:custGeom>
          <a:noFill/>
          <a:ln w="381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6" name="Freeform 35"/>
          <p:cNvSpPr/>
          <p:nvPr/>
        </p:nvSpPr>
        <p:spPr bwMode="auto">
          <a:xfrm>
            <a:off x="7474121" y="3532393"/>
            <a:ext cx="895927" cy="387928"/>
          </a:xfrm>
          <a:custGeom>
            <a:avLst/>
            <a:gdLst>
              <a:gd name="connsiteX0" fmla="*/ 895927 w 895927"/>
              <a:gd name="connsiteY0" fmla="*/ 221673 h 387928"/>
              <a:gd name="connsiteX1" fmla="*/ 868218 w 895927"/>
              <a:gd name="connsiteY1" fmla="*/ 92364 h 387928"/>
              <a:gd name="connsiteX2" fmla="*/ 840509 w 895927"/>
              <a:gd name="connsiteY2" fmla="*/ 73891 h 387928"/>
              <a:gd name="connsiteX3" fmla="*/ 822037 w 895927"/>
              <a:gd name="connsiteY3" fmla="*/ 46182 h 387928"/>
              <a:gd name="connsiteX4" fmla="*/ 757382 w 895927"/>
              <a:gd name="connsiteY4" fmla="*/ 18473 h 387928"/>
              <a:gd name="connsiteX5" fmla="*/ 720437 w 895927"/>
              <a:gd name="connsiteY5" fmla="*/ 0 h 387928"/>
              <a:gd name="connsiteX6" fmla="*/ 554182 w 895927"/>
              <a:gd name="connsiteY6" fmla="*/ 9237 h 387928"/>
              <a:gd name="connsiteX7" fmla="*/ 526473 w 895927"/>
              <a:gd name="connsiteY7" fmla="*/ 27709 h 387928"/>
              <a:gd name="connsiteX8" fmla="*/ 517237 w 895927"/>
              <a:gd name="connsiteY8" fmla="*/ 64655 h 387928"/>
              <a:gd name="connsiteX9" fmla="*/ 498764 w 895927"/>
              <a:gd name="connsiteY9" fmla="*/ 120073 h 387928"/>
              <a:gd name="connsiteX10" fmla="*/ 517237 w 895927"/>
              <a:gd name="connsiteY10" fmla="*/ 221673 h 387928"/>
              <a:gd name="connsiteX11" fmla="*/ 572655 w 895927"/>
              <a:gd name="connsiteY11" fmla="*/ 267855 h 387928"/>
              <a:gd name="connsiteX12" fmla="*/ 600364 w 895927"/>
              <a:gd name="connsiteY12" fmla="*/ 277091 h 387928"/>
              <a:gd name="connsiteX13" fmla="*/ 646546 w 895927"/>
              <a:gd name="connsiteY13" fmla="*/ 267855 h 387928"/>
              <a:gd name="connsiteX14" fmla="*/ 609600 w 895927"/>
              <a:gd name="connsiteY14" fmla="*/ 120073 h 387928"/>
              <a:gd name="connsiteX15" fmla="*/ 600364 w 895927"/>
              <a:gd name="connsiteY15" fmla="*/ 92364 h 387928"/>
              <a:gd name="connsiteX16" fmla="*/ 544946 w 895927"/>
              <a:gd name="connsiteY16" fmla="*/ 64655 h 387928"/>
              <a:gd name="connsiteX17" fmla="*/ 508000 w 895927"/>
              <a:gd name="connsiteY17" fmla="*/ 46182 h 387928"/>
              <a:gd name="connsiteX18" fmla="*/ 286327 w 895927"/>
              <a:gd name="connsiteY18" fmla="*/ 55418 h 387928"/>
              <a:gd name="connsiteX19" fmla="*/ 258618 w 895927"/>
              <a:gd name="connsiteY19" fmla="*/ 64655 h 387928"/>
              <a:gd name="connsiteX20" fmla="*/ 249382 w 895927"/>
              <a:gd name="connsiteY20" fmla="*/ 92364 h 387928"/>
              <a:gd name="connsiteX21" fmla="*/ 230909 w 895927"/>
              <a:gd name="connsiteY21" fmla="*/ 120073 h 387928"/>
              <a:gd name="connsiteX22" fmla="*/ 230909 w 895927"/>
              <a:gd name="connsiteY22" fmla="*/ 286328 h 387928"/>
              <a:gd name="connsiteX23" fmla="*/ 258618 w 895927"/>
              <a:gd name="connsiteY23" fmla="*/ 341746 h 387928"/>
              <a:gd name="connsiteX24" fmla="*/ 314037 w 895927"/>
              <a:gd name="connsiteY24" fmla="*/ 369455 h 387928"/>
              <a:gd name="connsiteX25" fmla="*/ 341746 w 895927"/>
              <a:gd name="connsiteY25" fmla="*/ 387928 h 387928"/>
              <a:gd name="connsiteX26" fmla="*/ 415637 w 895927"/>
              <a:gd name="connsiteY26" fmla="*/ 378691 h 387928"/>
              <a:gd name="connsiteX27" fmla="*/ 434109 w 895927"/>
              <a:gd name="connsiteY27" fmla="*/ 341746 h 387928"/>
              <a:gd name="connsiteX28" fmla="*/ 424873 w 895927"/>
              <a:gd name="connsiteY28" fmla="*/ 249382 h 387928"/>
              <a:gd name="connsiteX29" fmla="*/ 415637 w 895927"/>
              <a:gd name="connsiteY29" fmla="*/ 221673 h 387928"/>
              <a:gd name="connsiteX30" fmla="*/ 387927 w 895927"/>
              <a:gd name="connsiteY30" fmla="*/ 203200 h 387928"/>
              <a:gd name="connsiteX31" fmla="*/ 332509 w 895927"/>
              <a:gd name="connsiteY31" fmla="*/ 157018 h 387928"/>
              <a:gd name="connsiteX32" fmla="*/ 277091 w 895927"/>
              <a:gd name="connsiteY32" fmla="*/ 138546 h 387928"/>
              <a:gd name="connsiteX33" fmla="*/ 249382 w 895927"/>
              <a:gd name="connsiteY33" fmla="*/ 120073 h 387928"/>
              <a:gd name="connsiteX34" fmla="*/ 175491 w 895927"/>
              <a:gd name="connsiteY34" fmla="*/ 101600 h 387928"/>
              <a:gd name="connsiteX35" fmla="*/ 138546 w 895927"/>
              <a:gd name="connsiteY35" fmla="*/ 83128 h 387928"/>
              <a:gd name="connsiteX36" fmla="*/ 0 w 895927"/>
              <a:gd name="connsiteY36" fmla="*/ 83128 h 387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895927" h="387928">
                <a:moveTo>
                  <a:pt x="895927" y="221673"/>
                </a:moveTo>
                <a:cubicBezTo>
                  <a:pt x="891404" y="171922"/>
                  <a:pt x="903688" y="127834"/>
                  <a:pt x="868218" y="92364"/>
                </a:cubicBezTo>
                <a:cubicBezTo>
                  <a:pt x="860369" y="84515"/>
                  <a:pt x="849745" y="80049"/>
                  <a:pt x="840509" y="73891"/>
                </a:cubicBezTo>
                <a:cubicBezTo>
                  <a:pt x="834352" y="64655"/>
                  <a:pt x="830565" y="53288"/>
                  <a:pt x="822037" y="46182"/>
                </a:cubicBezTo>
                <a:cubicBezTo>
                  <a:pt x="800412" y="28161"/>
                  <a:pt x="781163" y="28665"/>
                  <a:pt x="757382" y="18473"/>
                </a:cubicBezTo>
                <a:cubicBezTo>
                  <a:pt x="744727" y="13049"/>
                  <a:pt x="732752" y="6158"/>
                  <a:pt x="720437" y="0"/>
                </a:cubicBezTo>
                <a:cubicBezTo>
                  <a:pt x="665019" y="3079"/>
                  <a:pt x="609128" y="1388"/>
                  <a:pt x="554182" y="9237"/>
                </a:cubicBezTo>
                <a:cubicBezTo>
                  <a:pt x="543193" y="10807"/>
                  <a:pt x="532630" y="18473"/>
                  <a:pt x="526473" y="27709"/>
                </a:cubicBezTo>
                <a:cubicBezTo>
                  <a:pt x="519432" y="38271"/>
                  <a:pt x="520885" y="52496"/>
                  <a:pt x="517237" y="64655"/>
                </a:cubicBezTo>
                <a:cubicBezTo>
                  <a:pt x="511642" y="83306"/>
                  <a:pt x="498764" y="120073"/>
                  <a:pt x="498764" y="120073"/>
                </a:cubicBezTo>
                <a:cubicBezTo>
                  <a:pt x="499156" y="123212"/>
                  <a:pt x="504093" y="201957"/>
                  <a:pt x="517237" y="221673"/>
                </a:cubicBezTo>
                <a:cubicBezTo>
                  <a:pt x="527450" y="236993"/>
                  <a:pt x="555617" y="259336"/>
                  <a:pt x="572655" y="267855"/>
                </a:cubicBezTo>
                <a:cubicBezTo>
                  <a:pt x="581363" y="272209"/>
                  <a:pt x="591128" y="274012"/>
                  <a:pt x="600364" y="277091"/>
                </a:cubicBezTo>
                <a:cubicBezTo>
                  <a:pt x="615758" y="274012"/>
                  <a:pt x="642501" y="283024"/>
                  <a:pt x="646546" y="267855"/>
                </a:cubicBezTo>
                <a:cubicBezTo>
                  <a:pt x="676817" y="154340"/>
                  <a:pt x="662912" y="155615"/>
                  <a:pt x="609600" y="120073"/>
                </a:cubicBezTo>
                <a:cubicBezTo>
                  <a:pt x="606521" y="110837"/>
                  <a:pt x="606446" y="99967"/>
                  <a:pt x="600364" y="92364"/>
                </a:cubicBezTo>
                <a:cubicBezTo>
                  <a:pt x="584929" y="73069"/>
                  <a:pt x="565317" y="73385"/>
                  <a:pt x="544946" y="64655"/>
                </a:cubicBezTo>
                <a:cubicBezTo>
                  <a:pt x="532290" y="59231"/>
                  <a:pt x="520315" y="52340"/>
                  <a:pt x="508000" y="46182"/>
                </a:cubicBezTo>
                <a:cubicBezTo>
                  <a:pt x="434109" y="49261"/>
                  <a:pt x="360080" y="49955"/>
                  <a:pt x="286327" y="55418"/>
                </a:cubicBezTo>
                <a:cubicBezTo>
                  <a:pt x="276618" y="56137"/>
                  <a:pt x="265502" y="57771"/>
                  <a:pt x="258618" y="64655"/>
                </a:cubicBezTo>
                <a:cubicBezTo>
                  <a:pt x="251734" y="71539"/>
                  <a:pt x="253736" y="83656"/>
                  <a:pt x="249382" y="92364"/>
                </a:cubicBezTo>
                <a:cubicBezTo>
                  <a:pt x="244418" y="102293"/>
                  <a:pt x="237067" y="110837"/>
                  <a:pt x="230909" y="120073"/>
                </a:cubicBezTo>
                <a:cubicBezTo>
                  <a:pt x="208077" y="188572"/>
                  <a:pt x="216083" y="152895"/>
                  <a:pt x="230909" y="286328"/>
                </a:cubicBezTo>
                <a:cubicBezTo>
                  <a:pt x="232787" y="303228"/>
                  <a:pt x="247139" y="330267"/>
                  <a:pt x="258618" y="341746"/>
                </a:cubicBezTo>
                <a:cubicBezTo>
                  <a:pt x="285086" y="368214"/>
                  <a:pt x="283991" y="354431"/>
                  <a:pt x="314037" y="369455"/>
                </a:cubicBezTo>
                <a:cubicBezTo>
                  <a:pt x="323966" y="374419"/>
                  <a:pt x="332510" y="381770"/>
                  <a:pt x="341746" y="387928"/>
                </a:cubicBezTo>
                <a:cubicBezTo>
                  <a:pt x="366376" y="384849"/>
                  <a:pt x="393436" y="389792"/>
                  <a:pt x="415637" y="378691"/>
                </a:cubicBezTo>
                <a:cubicBezTo>
                  <a:pt x="427952" y="372533"/>
                  <a:pt x="433128" y="355480"/>
                  <a:pt x="434109" y="341746"/>
                </a:cubicBezTo>
                <a:cubicBezTo>
                  <a:pt x="436313" y="310883"/>
                  <a:pt x="429578" y="279964"/>
                  <a:pt x="424873" y="249382"/>
                </a:cubicBezTo>
                <a:cubicBezTo>
                  <a:pt x="423393" y="239759"/>
                  <a:pt x="421719" y="229275"/>
                  <a:pt x="415637" y="221673"/>
                </a:cubicBezTo>
                <a:cubicBezTo>
                  <a:pt x="408702" y="213005"/>
                  <a:pt x="396455" y="210307"/>
                  <a:pt x="387927" y="203200"/>
                </a:cubicBezTo>
                <a:cubicBezTo>
                  <a:pt x="363070" y="182486"/>
                  <a:pt x="361992" y="170121"/>
                  <a:pt x="332509" y="157018"/>
                </a:cubicBezTo>
                <a:cubicBezTo>
                  <a:pt x="314715" y="149110"/>
                  <a:pt x="277091" y="138546"/>
                  <a:pt x="277091" y="138546"/>
                </a:cubicBezTo>
                <a:cubicBezTo>
                  <a:pt x="267855" y="132388"/>
                  <a:pt x="259814" y="123867"/>
                  <a:pt x="249382" y="120073"/>
                </a:cubicBezTo>
                <a:cubicBezTo>
                  <a:pt x="225522" y="111397"/>
                  <a:pt x="198199" y="112954"/>
                  <a:pt x="175491" y="101600"/>
                </a:cubicBezTo>
                <a:cubicBezTo>
                  <a:pt x="163176" y="95443"/>
                  <a:pt x="152239" y="84569"/>
                  <a:pt x="138546" y="83128"/>
                </a:cubicBezTo>
                <a:cubicBezTo>
                  <a:pt x="92618" y="78294"/>
                  <a:pt x="46182" y="83128"/>
                  <a:pt x="0" y="83128"/>
                </a:cubicBezTo>
              </a:path>
            </a:pathLst>
          </a:custGeom>
          <a:noFill/>
          <a:ln w="381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7" name="Freeform 36"/>
          <p:cNvSpPr/>
          <p:nvPr/>
        </p:nvSpPr>
        <p:spPr bwMode="auto">
          <a:xfrm>
            <a:off x="8660534" y="2802988"/>
            <a:ext cx="895927" cy="387928"/>
          </a:xfrm>
          <a:custGeom>
            <a:avLst/>
            <a:gdLst>
              <a:gd name="connsiteX0" fmla="*/ 895927 w 895927"/>
              <a:gd name="connsiteY0" fmla="*/ 221673 h 387928"/>
              <a:gd name="connsiteX1" fmla="*/ 868218 w 895927"/>
              <a:gd name="connsiteY1" fmla="*/ 92364 h 387928"/>
              <a:gd name="connsiteX2" fmla="*/ 840509 w 895927"/>
              <a:gd name="connsiteY2" fmla="*/ 73891 h 387928"/>
              <a:gd name="connsiteX3" fmla="*/ 822037 w 895927"/>
              <a:gd name="connsiteY3" fmla="*/ 46182 h 387928"/>
              <a:gd name="connsiteX4" fmla="*/ 757382 w 895927"/>
              <a:gd name="connsiteY4" fmla="*/ 18473 h 387928"/>
              <a:gd name="connsiteX5" fmla="*/ 720437 w 895927"/>
              <a:gd name="connsiteY5" fmla="*/ 0 h 387928"/>
              <a:gd name="connsiteX6" fmla="*/ 554182 w 895927"/>
              <a:gd name="connsiteY6" fmla="*/ 9237 h 387928"/>
              <a:gd name="connsiteX7" fmla="*/ 526473 w 895927"/>
              <a:gd name="connsiteY7" fmla="*/ 27709 h 387928"/>
              <a:gd name="connsiteX8" fmla="*/ 517237 w 895927"/>
              <a:gd name="connsiteY8" fmla="*/ 64655 h 387928"/>
              <a:gd name="connsiteX9" fmla="*/ 498764 w 895927"/>
              <a:gd name="connsiteY9" fmla="*/ 120073 h 387928"/>
              <a:gd name="connsiteX10" fmla="*/ 517237 w 895927"/>
              <a:gd name="connsiteY10" fmla="*/ 221673 h 387928"/>
              <a:gd name="connsiteX11" fmla="*/ 572655 w 895927"/>
              <a:gd name="connsiteY11" fmla="*/ 267855 h 387928"/>
              <a:gd name="connsiteX12" fmla="*/ 600364 w 895927"/>
              <a:gd name="connsiteY12" fmla="*/ 277091 h 387928"/>
              <a:gd name="connsiteX13" fmla="*/ 646546 w 895927"/>
              <a:gd name="connsiteY13" fmla="*/ 267855 h 387928"/>
              <a:gd name="connsiteX14" fmla="*/ 609600 w 895927"/>
              <a:gd name="connsiteY14" fmla="*/ 120073 h 387928"/>
              <a:gd name="connsiteX15" fmla="*/ 600364 w 895927"/>
              <a:gd name="connsiteY15" fmla="*/ 92364 h 387928"/>
              <a:gd name="connsiteX16" fmla="*/ 544946 w 895927"/>
              <a:gd name="connsiteY16" fmla="*/ 64655 h 387928"/>
              <a:gd name="connsiteX17" fmla="*/ 508000 w 895927"/>
              <a:gd name="connsiteY17" fmla="*/ 46182 h 387928"/>
              <a:gd name="connsiteX18" fmla="*/ 286327 w 895927"/>
              <a:gd name="connsiteY18" fmla="*/ 55418 h 387928"/>
              <a:gd name="connsiteX19" fmla="*/ 258618 w 895927"/>
              <a:gd name="connsiteY19" fmla="*/ 64655 h 387928"/>
              <a:gd name="connsiteX20" fmla="*/ 249382 w 895927"/>
              <a:gd name="connsiteY20" fmla="*/ 92364 h 387928"/>
              <a:gd name="connsiteX21" fmla="*/ 230909 w 895927"/>
              <a:gd name="connsiteY21" fmla="*/ 120073 h 387928"/>
              <a:gd name="connsiteX22" fmla="*/ 230909 w 895927"/>
              <a:gd name="connsiteY22" fmla="*/ 286328 h 387928"/>
              <a:gd name="connsiteX23" fmla="*/ 258618 w 895927"/>
              <a:gd name="connsiteY23" fmla="*/ 341746 h 387928"/>
              <a:gd name="connsiteX24" fmla="*/ 314037 w 895927"/>
              <a:gd name="connsiteY24" fmla="*/ 369455 h 387928"/>
              <a:gd name="connsiteX25" fmla="*/ 341746 w 895927"/>
              <a:gd name="connsiteY25" fmla="*/ 387928 h 387928"/>
              <a:gd name="connsiteX26" fmla="*/ 415637 w 895927"/>
              <a:gd name="connsiteY26" fmla="*/ 378691 h 387928"/>
              <a:gd name="connsiteX27" fmla="*/ 434109 w 895927"/>
              <a:gd name="connsiteY27" fmla="*/ 341746 h 387928"/>
              <a:gd name="connsiteX28" fmla="*/ 424873 w 895927"/>
              <a:gd name="connsiteY28" fmla="*/ 249382 h 387928"/>
              <a:gd name="connsiteX29" fmla="*/ 415637 w 895927"/>
              <a:gd name="connsiteY29" fmla="*/ 221673 h 387928"/>
              <a:gd name="connsiteX30" fmla="*/ 387927 w 895927"/>
              <a:gd name="connsiteY30" fmla="*/ 203200 h 387928"/>
              <a:gd name="connsiteX31" fmla="*/ 332509 w 895927"/>
              <a:gd name="connsiteY31" fmla="*/ 157018 h 387928"/>
              <a:gd name="connsiteX32" fmla="*/ 277091 w 895927"/>
              <a:gd name="connsiteY32" fmla="*/ 138546 h 387928"/>
              <a:gd name="connsiteX33" fmla="*/ 249382 w 895927"/>
              <a:gd name="connsiteY33" fmla="*/ 120073 h 387928"/>
              <a:gd name="connsiteX34" fmla="*/ 175491 w 895927"/>
              <a:gd name="connsiteY34" fmla="*/ 101600 h 387928"/>
              <a:gd name="connsiteX35" fmla="*/ 138546 w 895927"/>
              <a:gd name="connsiteY35" fmla="*/ 83128 h 387928"/>
              <a:gd name="connsiteX36" fmla="*/ 0 w 895927"/>
              <a:gd name="connsiteY36" fmla="*/ 83128 h 387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895927" h="387928">
                <a:moveTo>
                  <a:pt x="895927" y="221673"/>
                </a:moveTo>
                <a:cubicBezTo>
                  <a:pt x="891404" y="171922"/>
                  <a:pt x="903688" y="127834"/>
                  <a:pt x="868218" y="92364"/>
                </a:cubicBezTo>
                <a:cubicBezTo>
                  <a:pt x="860369" y="84515"/>
                  <a:pt x="849745" y="80049"/>
                  <a:pt x="840509" y="73891"/>
                </a:cubicBezTo>
                <a:cubicBezTo>
                  <a:pt x="834352" y="64655"/>
                  <a:pt x="830565" y="53288"/>
                  <a:pt x="822037" y="46182"/>
                </a:cubicBezTo>
                <a:cubicBezTo>
                  <a:pt x="800412" y="28161"/>
                  <a:pt x="781163" y="28665"/>
                  <a:pt x="757382" y="18473"/>
                </a:cubicBezTo>
                <a:cubicBezTo>
                  <a:pt x="744727" y="13049"/>
                  <a:pt x="732752" y="6158"/>
                  <a:pt x="720437" y="0"/>
                </a:cubicBezTo>
                <a:cubicBezTo>
                  <a:pt x="665019" y="3079"/>
                  <a:pt x="609128" y="1388"/>
                  <a:pt x="554182" y="9237"/>
                </a:cubicBezTo>
                <a:cubicBezTo>
                  <a:pt x="543193" y="10807"/>
                  <a:pt x="532630" y="18473"/>
                  <a:pt x="526473" y="27709"/>
                </a:cubicBezTo>
                <a:cubicBezTo>
                  <a:pt x="519432" y="38271"/>
                  <a:pt x="520885" y="52496"/>
                  <a:pt x="517237" y="64655"/>
                </a:cubicBezTo>
                <a:cubicBezTo>
                  <a:pt x="511642" y="83306"/>
                  <a:pt x="498764" y="120073"/>
                  <a:pt x="498764" y="120073"/>
                </a:cubicBezTo>
                <a:cubicBezTo>
                  <a:pt x="499156" y="123212"/>
                  <a:pt x="504093" y="201957"/>
                  <a:pt x="517237" y="221673"/>
                </a:cubicBezTo>
                <a:cubicBezTo>
                  <a:pt x="527450" y="236993"/>
                  <a:pt x="555617" y="259336"/>
                  <a:pt x="572655" y="267855"/>
                </a:cubicBezTo>
                <a:cubicBezTo>
                  <a:pt x="581363" y="272209"/>
                  <a:pt x="591128" y="274012"/>
                  <a:pt x="600364" y="277091"/>
                </a:cubicBezTo>
                <a:cubicBezTo>
                  <a:pt x="615758" y="274012"/>
                  <a:pt x="642501" y="283024"/>
                  <a:pt x="646546" y="267855"/>
                </a:cubicBezTo>
                <a:cubicBezTo>
                  <a:pt x="676817" y="154340"/>
                  <a:pt x="662912" y="155615"/>
                  <a:pt x="609600" y="120073"/>
                </a:cubicBezTo>
                <a:cubicBezTo>
                  <a:pt x="606521" y="110837"/>
                  <a:pt x="606446" y="99967"/>
                  <a:pt x="600364" y="92364"/>
                </a:cubicBezTo>
                <a:cubicBezTo>
                  <a:pt x="584929" y="73069"/>
                  <a:pt x="565317" y="73385"/>
                  <a:pt x="544946" y="64655"/>
                </a:cubicBezTo>
                <a:cubicBezTo>
                  <a:pt x="532290" y="59231"/>
                  <a:pt x="520315" y="52340"/>
                  <a:pt x="508000" y="46182"/>
                </a:cubicBezTo>
                <a:cubicBezTo>
                  <a:pt x="434109" y="49261"/>
                  <a:pt x="360080" y="49955"/>
                  <a:pt x="286327" y="55418"/>
                </a:cubicBezTo>
                <a:cubicBezTo>
                  <a:pt x="276618" y="56137"/>
                  <a:pt x="265502" y="57771"/>
                  <a:pt x="258618" y="64655"/>
                </a:cubicBezTo>
                <a:cubicBezTo>
                  <a:pt x="251734" y="71539"/>
                  <a:pt x="253736" y="83656"/>
                  <a:pt x="249382" y="92364"/>
                </a:cubicBezTo>
                <a:cubicBezTo>
                  <a:pt x="244418" y="102293"/>
                  <a:pt x="237067" y="110837"/>
                  <a:pt x="230909" y="120073"/>
                </a:cubicBezTo>
                <a:cubicBezTo>
                  <a:pt x="208077" y="188572"/>
                  <a:pt x="216083" y="152895"/>
                  <a:pt x="230909" y="286328"/>
                </a:cubicBezTo>
                <a:cubicBezTo>
                  <a:pt x="232787" y="303228"/>
                  <a:pt x="247139" y="330267"/>
                  <a:pt x="258618" y="341746"/>
                </a:cubicBezTo>
                <a:cubicBezTo>
                  <a:pt x="285086" y="368214"/>
                  <a:pt x="283991" y="354431"/>
                  <a:pt x="314037" y="369455"/>
                </a:cubicBezTo>
                <a:cubicBezTo>
                  <a:pt x="323966" y="374419"/>
                  <a:pt x="332510" y="381770"/>
                  <a:pt x="341746" y="387928"/>
                </a:cubicBezTo>
                <a:cubicBezTo>
                  <a:pt x="366376" y="384849"/>
                  <a:pt x="393436" y="389792"/>
                  <a:pt x="415637" y="378691"/>
                </a:cubicBezTo>
                <a:cubicBezTo>
                  <a:pt x="427952" y="372533"/>
                  <a:pt x="433128" y="355480"/>
                  <a:pt x="434109" y="341746"/>
                </a:cubicBezTo>
                <a:cubicBezTo>
                  <a:pt x="436313" y="310883"/>
                  <a:pt x="429578" y="279964"/>
                  <a:pt x="424873" y="249382"/>
                </a:cubicBezTo>
                <a:cubicBezTo>
                  <a:pt x="423393" y="239759"/>
                  <a:pt x="421719" y="229275"/>
                  <a:pt x="415637" y="221673"/>
                </a:cubicBezTo>
                <a:cubicBezTo>
                  <a:pt x="408702" y="213005"/>
                  <a:pt x="396455" y="210307"/>
                  <a:pt x="387927" y="203200"/>
                </a:cubicBezTo>
                <a:cubicBezTo>
                  <a:pt x="363070" y="182486"/>
                  <a:pt x="361992" y="170121"/>
                  <a:pt x="332509" y="157018"/>
                </a:cubicBezTo>
                <a:cubicBezTo>
                  <a:pt x="314715" y="149110"/>
                  <a:pt x="277091" y="138546"/>
                  <a:pt x="277091" y="138546"/>
                </a:cubicBezTo>
                <a:cubicBezTo>
                  <a:pt x="267855" y="132388"/>
                  <a:pt x="259814" y="123867"/>
                  <a:pt x="249382" y="120073"/>
                </a:cubicBezTo>
                <a:cubicBezTo>
                  <a:pt x="225522" y="111397"/>
                  <a:pt x="198199" y="112954"/>
                  <a:pt x="175491" y="101600"/>
                </a:cubicBezTo>
                <a:cubicBezTo>
                  <a:pt x="163176" y="95443"/>
                  <a:pt x="152239" y="84569"/>
                  <a:pt x="138546" y="83128"/>
                </a:cubicBezTo>
                <a:cubicBezTo>
                  <a:pt x="92618" y="78294"/>
                  <a:pt x="46182" y="83128"/>
                  <a:pt x="0" y="83128"/>
                </a:cubicBezTo>
              </a:path>
            </a:pathLst>
          </a:custGeom>
          <a:noFill/>
          <a:ln w="381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8" name="Freeform 37"/>
          <p:cNvSpPr/>
          <p:nvPr/>
        </p:nvSpPr>
        <p:spPr bwMode="auto">
          <a:xfrm>
            <a:off x="7565612" y="4207500"/>
            <a:ext cx="895927" cy="387928"/>
          </a:xfrm>
          <a:custGeom>
            <a:avLst/>
            <a:gdLst>
              <a:gd name="connsiteX0" fmla="*/ 895927 w 895927"/>
              <a:gd name="connsiteY0" fmla="*/ 221673 h 387928"/>
              <a:gd name="connsiteX1" fmla="*/ 868218 w 895927"/>
              <a:gd name="connsiteY1" fmla="*/ 92364 h 387928"/>
              <a:gd name="connsiteX2" fmla="*/ 840509 w 895927"/>
              <a:gd name="connsiteY2" fmla="*/ 73891 h 387928"/>
              <a:gd name="connsiteX3" fmla="*/ 822037 w 895927"/>
              <a:gd name="connsiteY3" fmla="*/ 46182 h 387928"/>
              <a:gd name="connsiteX4" fmla="*/ 757382 w 895927"/>
              <a:gd name="connsiteY4" fmla="*/ 18473 h 387928"/>
              <a:gd name="connsiteX5" fmla="*/ 720437 w 895927"/>
              <a:gd name="connsiteY5" fmla="*/ 0 h 387928"/>
              <a:gd name="connsiteX6" fmla="*/ 554182 w 895927"/>
              <a:gd name="connsiteY6" fmla="*/ 9237 h 387928"/>
              <a:gd name="connsiteX7" fmla="*/ 526473 w 895927"/>
              <a:gd name="connsiteY7" fmla="*/ 27709 h 387928"/>
              <a:gd name="connsiteX8" fmla="*/ 517237 w 895927"/>
              <a:gd name="connsiteY8" fmla="*/ 64655 h 387928"/>
              <a:gd name="connsiteX9" fmla="*/ 498764 w 895927"/>
              <a:gd name="connsiteY9" fmla="*/ 120073 h 387928"/>
              <a:gd name="connsiteX10" fmla="*/ 517237 w 895927"/>
              <a:gd name="connsiteY10" fmla="*/ 221673 h 387928"/>
              <a:gd name="connsiteX11" fmla="*/ 572655 w 895927"/>
              <a:gd name="connsiteY11" fmla="*/ 267855 h 387928"/>
              <a:gd name="connsiteX12" fmla="*/ 600364 w 895927"/>
              <a:gd name="connsiteY12" fmla="*/ 277091 h 387928"/>
              <a:gd name="connsiteX13" fmla="*/ 646546 w 895927"/>
              <a:gd name="connsiteY13" fmla="*/ 267855 h 387928"/>
              <a:gd name="connsiteX14" fmla="*/ 609600 w 895927"/>
              <a:gd name="connsiteY14" fmla="*/ 120073 h 387928"/>
              <a:gd name="connsiteX15" fmla="*/ 600364 w 895927"/>
              <a:gd name="connsiteY15" fmla="*/ 92364 h 387928"/>
              <a:gd name="connsiteX16" fmla="*/ 544946 w 895927"/>
              <a:gd name="connsiteY16" fmla="*/ 64655 h 387928"/>
              <a:gd name="connsiteX17" fmla="*/ 508000 w 895927"/>
              <a:gd name="connsiteY17" fmla="*/ 46182 h 387928"/>
              <a:gd name="connsiteX18" fmla="*/ 286327 w 895927"/>
              <a:gd name="connsiteY18" fmla="*/ 55418 h 387928"/>
              <a:gd name="connsiteX19" fmla="*/ 258618 w 895927"/>
              <a:gd name="connsiteY19" fmla="*/ 64655 h 387928"/>
              <a:gd name="connsiteX20" fmla="*/ 249382 w 895927"/>
              <a:gd name="connsiteY20" fmla="*/ 92364 h 387928"/>
              <a:gd name="connsiteX21" fmla="*/ 230909 w 895927"/>
              <a:gd name="connsiteY21" fmla="*/ 120073 h 387928"/>
              <a:gd name="connsiteX22" fmla="*/ 230909 w 895927"/>
              <a:gd name="connsiteY22" fmla="*/ 286328 h 387928"/>
              <a:gd name="connsiteX23" fmla="*/ 258618 w 895927"/>
              <a:gd name="connsiteY23" fmla="*/ 341746 h 387928"/>
              <a:gd name="connsiteX24" fmla="*/ 314037 w 895927"/>
              <a:gd name="connsiteY24" fmla="*/ 369455 h 387928"/>
              <a:gd name="connsiteX25" fmla="*/ 341746 w 895927"/>
              <a:gd name="connsiteY25" fmla="*/ 387928 h 387928"/>
              <a:gd name="connsiteX26" fmla="*/ 415637 w 895927"/>
              <a:gd name="connsiteY26" fmla="*/ 378691 h 387928"/>
              <a:gd name="connsiteX27" fmla="*/ 434109 w 895927"/>
              <a:gd name="connsiteY27" fmla="*/ 341746 h 387928"/>
              <a:gd name="connsiteX28" fmla="*/ 424873 w 895927"/>
              <a:gd name="connsiteY28" fmla="*/ 249382 h 387928"/>
              <a:gd name="connsiteX29" fmla="*/ 415637 w 895927"/>
              <a:gd name="connsiteY29" fmla="*/ 221673 h 387928"/>
              <a:gd name="connsiteX30" fmla="*/ 387927 w 895927"/>
              <a:gd name="connsiteY30" fmla="*/ 203200 h 387928"/>
              <a:gd name="connsiteX31" fmla="*/ 332509 w 895927"/>
              <a:gd name="connsiteY31" fmla="*/ 157018 h 387928"/>
              <a:gd name="connsiteX32" fmla="*/ 277091 w 895927"/>
              <a:gd name="connsiteY32" fmla="*/ 138546 h 387928"/>
              <a:gd name="connsiteX33" fmla="*/ 249382 w 895927"/>
              <a:gd name="connsiteY33" fmla="*/ 120073 h 387928"/>
              <a:gd name="connsiteX34" fmla="*/ 175491 w 895927"/>
              <a:gd name="connsiteY34" fmla="*/ 101600 h 387928"/>
              <a:gd name="connsiteX35" fmla="*/ 138546 w 895927"/>
              <a:gd name="connsiteY35" fmla="*/ 83128 h 387928"/>
              <a:gd name="connsiteX36" fmla="*/ 0 w 895927"/>
              <a:gd name="connsiteY36" fmla="*/ 83128 h 387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895927" h="387928">
                <a:moveTo>
                  <a:pt x="895927" y="221673"/>
                </a:moveTo>
                <a:cubicBezTo>
                  <a:pt x="891404" y="171922"/>
                  <a:pt x="903688" y="127834"/>
                  <a:pt x="868218" y="92364"/>
                </a:cubicBezTo>
                <a:cubicBezTo>
                  <a:pt x="860369" y="84515"/>
                  <a:pt x="849745" y="80049"/>
                  <a:pt x="840509" y="73891"/>
                </a:cubicBezTo>
                <a:cubicBezTo>
                  <a:pt x="834352" y="64655"/>
                  <a:pt x="830565" y="53288"/>
                  <a:pt x="822037" y="46182"/>
                </a:cubicBezTo>
                <a:cubicBezTo>
                  <a:pt x="800412" y="28161"/>
                  <a:pt x="781163" y="28665"/>
                  <a:pt x="757382" y="18473"/>
                </a:cubicBezTo>
                <a:cubicBezTo>
                  <a:pt x="744727" y="13049"/>
                  <a:pt x="732752" y="6158"/>
                  <a:pt x="720437" y="0"/>
                </a:cubicBezTo>
                <a:cubicBezTo>
                  <a:pt x="665019" y="3079"/>
                  <a:pt x="609128" y="1388"/>
                  <a:pt x="554182" y="9237"/>
                </a:cubicBezTo>
                <a:cubicBezTo>
                  <a:pt x="543193" y="10807"/>
                  <a:pt x="532630" y="18473"/>
                  <a:pt x="526473" y="27709"/>
                </a:cubicBezTo>
                <a:cubicBezTo>
                  <a:pt x="519432" y="38271"/>
                  <a:pt x="520885" y="52496"/>
                  <a:pt x="517237" y="64655"/>
                </a:cubicBezTo>
                <a:cubicBezTo>
                  <a:pt x="511642" y="83306"/>
                  <a:pt x="498764" y="120073"/>
                  <a:pt x="498764" y="120073"/>
                </a:cubicBezTo>
                <a:cubicBezTo>
                  <a:pt x="499156" y="123212"/>
                  <a:pt x="504093" y="201957"/>
                  <a:pt x="517237" y="221673"/>
                </a:cubicBezTo>
                <a:cubicBezTo>
                  <a:pt x="527450" y="236993"/>
                  <a:pt x="555617" y="259336"/>
                  <a:pt x="572655" y="267855"/>
                </a:cubicBezTo>
                <a:cubicBezTo>
                  <a:pt x="581363" y="272209"/>
                  <a:pt x="591128" y="274012"/>
                  <a:pt x="600364" y="277091"/>
                </a:cubicBezTo>
                <a:cubicBezTo>
                  <a:pt x="615758" y="274012"/>
                  <a:pt x="642501" y="283024"/>
                  <a:pt x="646546" y="267855"/>
                </a:cubicBezTo>
                <a:cubicBezTo>
                  <a:pt x="676817" y="154340"/>
                  <a:pt x="662912" y="155615"/>
                  <a:pt x="609600" y="120073"/>
                </a:cubicBezTo>
                <a:cubicBezTo>
                  <a:pt x="606521" y="110837"/>
                  <a:pt x="606446" y="99967"/>
                  <a:pt x="600364" y="92364"/>
                </a:cubicBezTo>
                <a:cubicBezTo>
                  <a:pt x="584929" y="73069"/>
                  <a:pt x="565317" y="73385"/>
                  <a:pt x="544946" y="64655"/>
                </a:cubicBezTo>
                <a:cubicBezTo>
                  <a:pt x="532290" y="59231"/>
                  <a:pt x="520315" y="52340"/>
                  <a:pt x="508000" y="46182"/>
                </a:cubicBezTo>
                <a:cubicBezTo>
                  <a:pt x="434109" y="49261"/>
                  <a:pt x="360080" y="49955"/>
                  <a:pt x="286327" y="55418"/>
                </a:cubicBezTo>
                <a:cubicBezTo>
                  <a:pt x="276618" y="56137"/>
                  <a:pt x="265502" y="57771"/>
                  <a:pt x="258618" y="64655"/>
                </a:cubicBezTo>
                <a:cubicBezTo>
                  <a:pt x="251734" y="71539"/>
                  <a:pt x="253736" y="83656"/>
                  <a:pt x="249382" y="92364"/>
                </a:cubicBezTo>
                <a:cubicBezTo>
                  <a:pt x="244418" y="102293"/>
                  <a:pt x="237067" y="110837"/>
                  <a:pt x="230909" y="120073"/>
                </a:cubicBezTo>
                <a:cubicBezTo>
                  <a:pt x="208077" y="188572"/>
                  <a:pt x="216083" y="152895"/>
                  <a:pt x="230909" y="286328"/>
                </a:cubicBezTo>
                <a:cubicBezTo>
                  <a:pt x="232787" y="303228"/>
                  <a:pt x="247139" y="330267"/>
                  <a:pt x="258618" y="341746"/>
                </a:cubicBezTo>
                <a:cubicBezTo>
                  <a:pt x="285086" y="368214"/>
                  <a:pt x="283991" y="354431"/>
                  <a:pt x="314037" y="369455"/>
                </a:cubicBezTo>
                <a:cubicBezTo>
                  <a:pt x="323966" y="374419"/>
                  <a:pt x="332510" y="381770"/>
                  <a:pt x="341746" y="387928"/>
                </a:cubicBezTo>
                <a:cubicBezTo>
                  <a:pt x="366376" y="384849"/>
                  <a:pt x="393436" y="389792"/>
                  <a:pt x="415637" y="378691"/>
                </a:cubicBezTo>
                <a:cubicBezTo>
                  <a:pt x="427952" y="372533"/>
                  <a:pt x="433128" y="355480"/>
                  <a:pt x="434109" y="341746"/>
                </a:cubicBezTo>
                <a:cubicBezTo>
                  <a:pt x="436313" y="310883"/>
                  <a:pt x="429578" y="279964"/>
                  <a:pt x="424873" y="249382"/>
                </a:cubicBezTo>
                <a:cubicBezTo>
                  <a:pt x="423393" y="239759"/>
                  <a:pt x="421719" y="229275"/>
                  <a:pt x="415637" y="221673"/>
                </a:cubicBezTo>
                <a:cubicBezTo>
                  <a:pt x="408702" y="213005"/>
                  <a:pt x="396455" y="210307"/>
                  <a:pt x="387927" y="203200"/>
                </a:cubicBezTo>
                <a:cubicBezTo>
                  <a:pt x="363070" y="182486"/>
                  <a:pt x="361992" y="170121"/>
                  <a:pt x="332509" y="157018"/>
                </a:cubicBezTo>
                <a:cubicBezTo>
                  <a:pt x="314715" y="149110"/>
                  <a:pt x="277091" y="138546"/>
                  <a:pt x="277091" y="138546"/>
                </a:cubicBezTo>
                <a:cubicBezTo>
                  <a:pt x="267855" y="132388"/>
                  <a:pt x="259814" y="123867"/>
                  <a:pt x="249382" y="120073"/>
                </a:cubicBezTo>
                <a:cubicBezTo>
                  <a:pt x="225522" y="111397"/>
                  <a:pt x="198199" y="112954"/>
                  <a:pt x="175491" y="101600"/>
                </a:cubicBezTo>
                <a:cubicBezTo>
                  <a:pt x="163176" y="95443"/>
                  <a:pt x="152239" y="84569"/>
                  <a:pt x="138546" y="83128"/>
                </a:cubicBezTo>
                <a:cubicBezTo>
                  <a:pt x="92618" y="78294"/>
                  <a:pt x="46182" y="83128"/>
                  <a:pt x="0" y="83128"/>
                </a:cubicBezTo>
              </a:path>
            </a:pathLst>
          </a:custGeom>
          <a:noFill/>
          <a:ln w="381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39" name="Freeform 38"/>
          <p:cNvSpPr/>
          <p:nvPr/>
        </p:nvSpPr>
        <p:spPr bwMode="auto">
          <a:xfrm>
            <a:off x="8029869" y="3187823"/>
            <a:ext cx="895927" cy="387928"/>
          </a:xfrm>
          <a:custGeom>
            <a:avLst/>
            <a:gdLst>
              <a:gd name="connsiteX0" fmla="*/ 895927 w 895927"/>
              <a:gd name="connsiteY0" fmla="*/ 221673 h 387928"/>
              <a:gd name="connsiteX1" fmla="*/ 868218 w 895927"/>
              <a:gd name="connsiteY1" fmla="*/ 92364 h 387928"/>
              <a:gd name="connsiteX2" fmla="*/ 840509 w 895927"/>
              <a:gd name="connsiteY2" fmla="*/ 73891 h 387928"/>
              <a:gd name="connsiteX3" fmla="*/ 822037 w 895927"/>
              <a:gd name="connsiteY3" fmla="*/ 46182 h 387928"/>
              <a:gd name="connsiteX4" fmla="*/ 757382 w 895927"/>
              <a:gd name="connsiteY4" fmla="*/ 18473 h 387928"/>
              <a:gd name="connsiteX5" fmla="*/ 720437 w 895927"/>
              <a:gd name="connsiteY5" fmla="*/ 0 h 387928"/>
              <a:gd name="connsiteX6" fmla="*/ 554182 w 895927"/>
              <a:gd name="connsiteY6" fmla="*/ 9237 h 387928"/>
              <a:gd name="connsiteX7" fmla="*/ 526473 w 895927"/>
              <a:gd name="connsiteY7" fmla="*/ 27709 h 387928"/>
              <a:gd name="connsiteX8" fmla="*/ 517237 w 895927"/>
              <a:gd name="connsiteY8" fmla="*/ 64655 h 387928"/>
              <a:gd name="connsiteX9" fmla="*/ 498764 w 895927"/>
              <a:gd name="connsiteY9" fmla="*/ 120073 h 387928"/>
              <a:gd name="connsiteX10" fmla="*/ 517237 w 895927"/>
              <a:gd name="connsiteY10" fmla="*/ 221673 h 387928"/>
              <a:gd name="connsiteX11" fmla="*/ 572655 w 895927"/>
              <a:gd name="connsiteY11" fmla="*/ 267855 h 387928"/>
              <a:gd name="connsiteX12" fmla="*/ 600364 w 895927"/>
              <a:gd name="connsiteY12" fmla="*/ 277091 h 387928"/>
              <a:gd name="connsiteX13" fmla="*/ 646546 w 895927"/>
              <a:gd name="connsiteY13" fmla="*/ 267855 h 387928"/>
              <a:gd name="connsiteX14" fmla="*/ 609600 w 895927"/>
              <a:gd name="connsiteY14" fmla="*/ 120073 h 387928"/>
              <a:gd name="connsiteX15" fmla="*/ 600364 w 895927"/>
              <a:gd name="connsiteY15" fmla="*/ 92364 h 387928"/>
              <a:gd name="connsiteX16" fmla="*/ 544946 w 895927"/>
              <a:gd name="connsiteY16" fmla="*/ 64655 h 387928"/>
              <a:gd name="connsiteX17" fmla="*/ 508000 w 895927"/>
              <a:gd name="connsiteY17" fmla="*/ 46182 h 387928"/>
              <a:gd name="connsiteX18" fmla="*/ 286327 w 895927"/>
              <a:gd name="connsiteY18" fmla="*/ 55418 h 387928"/>
              <a:gd name="connsiteX19" fmla="*/ 258618 w 895927"/>
              <a:gd name="connsiteY19" fmla="*/ 64655 h 387928"/>
              <a:gd name="connsiteX20" fmla="*/ 249382 w 895927"/>
              <a:gd name="connsiteY20" fmla="*/ 92364 h 387928"/>
              <a:gd name="connsiteX21" fmla="*/ 230909 w 895927"/>
              <a:gd name="connsiteY21" fmla="*/ 120073 h 387928"/>
              <a:gd name="connsiteX22" fmla="*/ 230909 w 895927"/>
              <a:gd name="connsiteY22" fmla="*/ 286328 h 387928"/>
              <a:gd name="connsiteX23" fmla="*/ 258618 w 895927"/>
              <a:gd name="connsiteY23" fmla="*/ 341746 h 387928"/>
              <a:gd name="connsiteX24" fmla="*/ 314037 w 895927"/>
              <a:gd name="connsiteY24" fmla="*/ 369455 h 387928"/>
              <a:gd name="connsiteX25" fmla="*/ 341746 w 895927"/>
              <a:gd name="connsiteY25" fmla="*/ 387928 h 387928"/>
              <a:gd name="connsiteX26" fmla="*/ 415637 w 895927"/>
              <a:gd name="connsiteY26" fmla="*/ 378691 h 387928"/>
              <a:gd name="connsiteX27" fmla="*/ 434109 w 895927"/>
              <a:gd name="connsiteY27" fmla="*/ 341746 h 387928"/>
              <a:gd name="connsiteX28" fmla="*/ 424873 w 895927"/>
              <a:gd name="connsiteY28" fmla="*/ 249382 h 387928"/>
              <a:gd name="connsiteX29" fmla="*/ 415637 w 895927"/>
              <a:gd name="connsiteY29" fmla="*/ 221673 h 387928"/>
              <a:gd name="connsiteX30" fmla="*/ 387927 w 895927"/>
              <a:gd name="connsiteY30" fmla="*/ 203200 h 387928"/>
              <a:gd name="connsiteX31" fmla="*/ 332509 w 895927"/>
              <a:gd name="connsiteY31" fmla="*/ 157018 h 387928"/>
              <a:gd name="connsiteX32" fmla="*/ 277091 w 895927"/>
              <a:gd name="connsiteY32" fmla="*/ 138546 h 387928"/>
              <a:gd name="connsiteX33" fmla="*/ 249382 w 895927"/>
              <a:gd name="connsiteY33" fmla="*/ 120073 h 387928"/>
              <a:gd name="connsiteX34" fmla="*/ 175491 w 895927"/>
              <a:gd name="connsiteY34" fmla="*/ 101600 h 387928"/>
              <a:gd name="connsiteX35" fmla="*/ 138546 w 895927"/>
              <a:gd name="connsiteY35" fmla="*/ 83128 h 387928"/>
              <a:gd name="connsiteX36" fmla="*/ 0 w 895927"/>
              <a:gd name="connsiteY36" fmla="*/ 83128 h 387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895927" h="387928">
                <a:moveTo>
                  <a:pt x="895927" y="221673"/>
                </a:moveTo>
                <a:cubicBezTo>
                  <a:pt x="891404" y="171922"/>
                  <a:pt x="903688" y="127834"/>
                  <a:pt x="868218" y="92364"/>
                </a:cubicBezTo>
                <a:cubicBezTo>
                  <a:pt x="860369" y="84515"/>
                  <a:pt x="849745" y="80049"/>
                  <a:pt x="840509" y="73891"/>
                </a:cubicBezTo>
                <a:cubicBezTo>
                  <a:pt x="834352" y="64655"/>
                  <a:pt x="830565" y="53288"/>
                  <a:pt x="822037" y="46182"/>
                </a:cubicBezTo>
                <a:cubicBezTo>
                  <a:pt x="800412" y="28161"/>
                  <a:pt x="781163" y="28665"/>
                  <a:pt x="757382" y="18473"/>
                </a:cubicBezTo>
                <a:cubicBezTo>
                  <a:pt x="744727" y="13049"/>
                  <a:pt x="732752" y="6158"/>
                  <a:pt x="720437" y="0"/>
                </a:cubicBezTo>
                <a:cubicBezTo>
                  <a:pt x="665019" y="3079"/>
                  <a:pt x="609128" y="1388"/>
                  <a:pt x="554182" y="9237"/>
                </a:cubicBezTo>
                <a:cubicBezTo>
                  <a:pt x="543193" y="10807"/>
                  <a:pt x="532630" y="18473"/>
                  <a:pt x="526473" y="27709"/>
                </a:cubicBezTo>
                <a:cubicBezTo>
                  <a:pt x="519432" y="38271"/>
                  <a:pt x="520885" y="52496"/>
                  <a:pt x="517237" y="64655"/>
                </a:cubicBezTo>
                <a:cubicBezTo>
                  <a:pt x="511642" y="83306"/>
                  <a:pt x="498764" y="120073"/>
                  <a:pt x="498764" y="120073"/>
                </a:cubicBezTo>
                <a:cubicBezTo>
                  <a:pt x="499156" y="123212"/>
                  <a:pt x="504093" y="201957"/>
                  <a:pt x="517237" y="221673"/>
                </a:cubicBezTo>
                <a:cubicBezTo>
                  <a:pt x="527450" y="236993"/>
                  <a:pt x="555617" y="259336"/>
                  <a:pt x="572655" y="267855"/>
                </a:cubicBezTo>
                <a:cubicBezTo>
                  <a:pt x="581363" y="272209"/>
                  <a:pt x="591128" y="274012"/>
                  <a:pt x="600364" y="277091"/>
                </a:cubicBezTo>
                <a:cubicBezTo>
                  <a:pt x="615758" y="274012"/>
                  <a:pt x="642501" y="283024"/>
                  <a:pt x="646546" y="267855"/>
                </a:cubicBezTo>
                <a:cubicBezTo>
                  <a:pt x="676817" y="154340"/>
                  <a:pt x="662912" y="155615"/>
                  <a:pt x="609600" y="120073"/>
                </a:cubicBezTo>
                <a:cubicBezTo>
                  <a:pt x="606521" y="110837"/>
                  <a:pt x="606446" y="99967"/>
                  <a:pt x="600364" y="92364"/>
                </a:cubicBezTo>
                <a:cubicBezTo>
                  <a:pt x="584929" y="73069"/>
                  <a:pt x="565317" y="73385"/>
                  <a:pt x="544946" y="64655"/>
                </a:cubicBezTo>
                <a:cubicBezTo>
                  <a:pt x="532290" y="59231"/>
                  <a:pt x="520315" y="52340"/>
                  <a:pt x="508000" y="46182"/>
                </a:cubicBezTo>
                <a:cubicBezTo>
                  <a:pt x="434109" y="49261"/>
                  <a:pt x="360080" y="49955"/>
                  <a:pt x="286327" y="55418"/>
                </a:cubicBezTo>
                <a:cubicBezTo>
                  <a:pt x="276618" y="56137"/>
                  <a:pt x="265502" y="57771"/>
                  <a:pt x="258618" y="64655"/>
                </a:cubicBezTo>
                <a:cubicBezTo>
                  <a:pt x="251734" y="71539"/>
                  <a:pt x="253736" y="83656"/>
                  <a:pt x="249382" y="92364"/>
                </a:cubicBezTo>
                <a:cubicBezTo>
                  <a:pt x="244418" y="102293"/>
                  <a:pt x="237067" y="110837"/>
                  <a:pt x="230909" y="120073"/>
                </a:cubicBezTo>
                <a:cubicBezTo>
                  <a:pt x="208077" y="188572"/>
                  <a:pt x="216083" y="152895"/>
                  <a:pt x="230909" y="286328"/>
                </a:cubicBezTo>
                <a:cubicBezTo>
                  <a:pt x="232787" y="303228"/>
                  <a:pt x="247139" y="330267"/>
                  <a:pt x="258618" y="341746"/>
                </a:cubicBezTo>
                <a:cubicBezTo>
                  <a:pt x="285086" y="368214"/>
                  <a:pt x="283991" y="354431"/>
                  <a:pt x="314037" y="369455"/>
                </a:cubicBezTo>
                <a:cubicBezTo>
                  <a:pt x="323966" y="374419"/>
                  <a:pt x="332510" y="381770"/>
                  <a:pt x="341746" y="387928"/>
                </a:cubicBezTo>
                <a:cubicBezTo>
                  <a:pt x="366376" y="384849"/>
                  <a:pt x="393436" y="389792"/>
                  <a:pt x="415637" y="378691"/>
                </a:cubicBezTo>
                <a:cubicBezTo>
                  <a:pt x="427952" y="372533"/>
                  <a:pt x="433128" y="355480"/>
                  <a:pt x="434109" y="341746"/>
                </a:cubicBezTo>
                <a:cubicBezTo>
                  <a:pt x="436313" y="310883"/>
                  <a:pt x="429578" y="279964"/>
                  <a:pt x="424873" y="249382"/>
                </a:cubicBezTo>
                <a:cubicBezTo>
                  <a:pt x="423393" y="239759"/>
                  <a:pt x="421719" y="229275"/>
                  <a:pt x="415637" y="221673"/>
                </a:cubicBezTo>
                <a:cubicBezTo>
                  <a:pt x="408702" y="213005"/>
                  <a:pt x="396455" y="210307"/>
                  <a:pt x="387927" y="203200"/>
                </a:cubicBezTo>
                <a:cubicBezTo>
                  <a:pt x="363070" y="182486"/>
                  <a:pt x="361992" y="170121"/>
                  <a:pt x="332509" y="157018"/>
                </a:cubicBezTo>
                <a:cubicBezTo>
                  <a:pt x="314715" y="149110"/>
                  <a:pt x="277091" y="138546"/>
                  <a:pt x="277091" y="138546"/>
                </a:cubicBezTo>
                <a:cubicBezTo>
                  <a:pt x="267855" y="132388"/>
                  <a:pt x="259814" y="123867"/>
                  <a:pt x="249382" y="120073"/>
                </a:cubicBezTo>
                <a:cubicBezTo>
                  <a:pt x="225522" y="111397"/>
                  <a:pt x="198199" y="112954"/>
                  <a:pt x="175491" y="101600"/>
                </a:cubicBezTo>
                <a:cubicBezTo>
                  <a:pt x="163176" y="95443"/>
                  <a:pt x="152239" y="84569"/>
                  <a:pt x="138546" y="83128"/>
                </a:cubicBezTo>
                <a:cubicBezTo>
                  <a:pt x="92618" y="78294"/>
                  <a:pt x="46182" y="83128"/>
                  <a:pt x="0" y="83128"/>
                </a:cubicBezTo>
              </a:path>
            </a:pathLst>
          </a:custGeom>
          <a:noFill/>
          <a:ln w="381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0" name="Freeform 39"/>
          <p:cNvSpPr/>
          <p:nvPr/>
        </p:nvSpPr>
        <p:spPr bwMode="auto">
          <a:xfrm>
            <a:off x="8677563" y="4061805"/>
            <a:ext cx="895927" cy="387928"/>
          </a:xfrm>
          <a:custGeom>
            <a:avLst/>
            <a:gdLst>
              <a:gd name="connsiteX0" fmla="*/ 895927 w 895927"/>
              <a:gd name="connsiteY0" fmla="*/ 221673 h 387928"/>
              <a:gd name="connsiteX1" fmla="*/ 868218 w 895927"/>
              <a:gd name="connsiteY1" fmla="*/ 92364 h 387928"/>
              <a:gd name="connsiteX2" fmla="*/ 840509 w 895927"/>
              <a:gd name="connsiteY2" fmla="*/ 73891 h 387928"/>
              <a:gd name="connsiteX3" fmla="*/ 822037 w 895927"/>
              <a:gd name="connsiteY3" fmla="*/ 46182 h 387928"/>
              <a:gd name="connsiteX4" fmla="*/ 757382 w 895927"/>
              <a:gd name="connsiteY4" fmla="*/ 18473 h 387928"/>
              <a:gd name="connsiteX5" fmla="*/ 720437 w 895927"/>
              <a:gd name="connsiteY5" fmla="*/ 0 h 387928"/>
              <a:gd name="connsiteX6" fmla="*/ 554182 w 895927"/>
              <a:gd name="connsiteY6" fmla="*/ 9237 h 387928"/>
              <a:gd name="connsiteX7" fmla="*/ 526473 w 895927"/>
              <a:gd name="connsiteY7" fmla="*/ 27709 h 387928"/>
              <a:gd name="connsiteX8" fmla="*/ 517237 w 895927"/>
              <a:gd name="connsiteY8" fmla="*/ 64655 h 387928"/>
              <a:gd name="connsiteX9" fmla="*/ 498764 w 895927"/>
              <a:gd name="connsiteY9" fmla="*/ 120073 h 387928"/>
              <a:gd name="connsiteX10" fmla="*/ 517237 w 895927"/>
              <a:gd name="connsiteY10" fmla="*/ 221673 h 387928"/>
              <a:gd name="connsiteX11" fmla="*/ 572655 w 895927"/>
              <a:gd name="connsiteY11" fmla="*/ 267855 h 387928"/>
              <a:gd name="connsiteX12" fmla="*/ 600364 w 895927"/>
              <a:gd name="connsiteY12" fmla="*/ 277091 h 387928"/>
              <a:gd name="connsiteX13" fmla="*/ 646546 w 895927"/>
              <a:gd name="connsiteY13" fmla="*/ 267855 h 387928"/>
              <a:gd name="connsiteX14" fmla="*/ 609600 w 895927"/>
              <a:gd name="connsiteY14" fmla="*/ 120073 h 387928"/>
              <a:gd name="connsiteX15" fmla="*/ 600364 w 895927"/>
              <a:gd name="connsiteY15" fmla="*/ 92364 h 387928"/>
              <a:gd name="connsiteX16" fmla="*/ 544946 w 895927"/>
              <a:gd name="connsiteY16" fmla="*/ 64655 h 387928"/>
              <a:gd name="connsiteX17" fmla="*/ 508000 w 895927"/>
              <a:gd name="connsiteY17" fmla="*/ 46182 h 387928"/>
              <a:gd name="connsiteX18" fmla="*/ 286327 w 895927"/>
              <a:gd name="connsiteY18" fmla="*/ 55418 h 387928"/>
              <a:gd name="connsiteX19" fmla="*/ 258618 w 895927"/>
              <a:gd name="connsiteY19" fmla="*/ 64655 h 387928"/>
              <a:gd name="connsiteX20" fmla="*/ 249382 w 895927"/>
              <a:gd name="connsiteY20" fmla="*/ 92364 h 387928"/>
              <a:gd name="connsiteX21" fmla="*/ 230909 w 895927"/>
              <a:gd name="connsiteY21" fmla="*/ 120073 h 387928"/>
              <a:gd name="connsiteX22" fmla="*/ 230909 w 895927"/>
              <a:gd name="connsiteY22" fmla="*/ 286328 h 387928"/>
              <a:gd name="connsiteX23" fmla="*/ 258618 w 895927"/>
              <a:gd name="connsiteY23" fmla="*/ 341746 h 387928"/>
              <a:gd name="connsiteX24" fmla="*/ 314037 w 895927"/>
              <a:gd name="connsiteY24" fmla="*/ 369455 h 387928"/>
              <a:gd name="connsiteX25" fmla="*/ 341746 w 895927"/>
              <a:gd name="connsiteY25" fmla="*/ 387928 h 387928"/>
              <a:gd name="connsiteX26" fmla="*/ 415637 w 895927"/>
              <a:gd name="connsiteY26" fmla="*/ 378691 h 387928"/>
              <a:gd name="connsiteX27" fmla="*/ 434109 w 895927"/>
              <a:gd name="connsiteY27" fmla="*/ 341746 h 387928"/>
              <a:gd name="connsiteX28" fmla="*/ 424873 w 895927"/>
              <a:gd name="connsiteY28" fmla="*/ 249382 h 387928"/>
              <a:gd name="connsiteX29" fmla="*/ 415637 w 895927"/>
              <a:gd name="connsiteY29" fmla="*/ 221673 h 387928"/>
              <a:gd name="connsiteX30" fmla="*/ 387927 w 895927"/>
              <a:gd name="connsiteY30" fmla="*/ 203200 h 387928"/>
              <a:gd name="connsiteX31" fmla="*/ 332509 w 895927"/>
              <a:gd name="connsiteY31" fmla="*/ 157018 h 387928"/>
              <a:gd name="connsiteX32" fmla="*/ 277091 w 895927"/>
              <a:gd name="connsiteY32" fmla="*/ 138546 h 387928"/>
              <a:gd name="connsiteX33" fmla="*/ 249382 w 895927"/>
              <a:gd name="connsiteY33" fmla="*/ 120073 h 387928"/>
              <a:gd name="connsiteX34" fmla="*/ 175491 w 895927"/>
              <a:gd name="connsiteY34" fmla="*/ 101600 h 387928"/>
              <a:gd name="connsiteX35" fmla="*/ 138546 w 895927"/>
              <a:gd name="connsiteY35" fmla="*/ 83128 h 387928"/>
              <a:gd name="connsiteX36" fmla="*/ 0 w 895927"/>
              <a:gd name="connsiteY36" fmla="*/ 83128 h 387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895927" h="387928">
                <a:moveTo>
                  <a:pt x="895927" y="221673"/>
                </a:moveTo>
                <a:cubicBezTo>
                  <a:pt x="891404" y="171922"/>
                  <a:pt x="903688" y="127834"/>
                  <a:pt x="868218" y="92364"/>
                </a:cubicBezTo>
                <a:cubicBezTo>
                  <a:pt x="860369" y="84515"/>
                  <a:pt x="849745" y="80049"/>
                  <a:pt x="840509" y="73891"/>
                </a:cubicBezTo>
                <a:cubicBezTo>
                  <a:pt x="834352" y="64655"/>
                  <a:pt x="830565" y="53288"/>
                  <a:pt x="822037" y="46182"/>
                </a:cubicBezTo>
                <a:cubicBezTo>
                  <a:pt x="800412" y="28161"/>
                  <a:pt x="781163" y="28665"/>
                  <a:pt x="757382" y="18473"/>
                </a:cubicBezTo>
                <a:cubicBezTo>
                  <a:pt x="744727" y="13049"/>
                  <a:pt x="732752" y="6158"/>
                  <a:pt x="720437" y="0"/>
                </a:cubicBezTo>
                <a:cubicBezTo>
                  <a:pt x="665019" y="3079"/>
                  <a:pt x="609128" y="1388"/>
                  <a:pt x="554182" y="9237"/>
                </a:cubicBezTo>
                <a:cubicBezTo>
                  <a:pt x="543193" y="10807"/>
                  <a:pt x="532630" y="18473"/>
                  <a:pt x="526473" y="27709"/>
                </a:cubicBezTo>
                <a:cubicBezTo>
                  <a:pt x="519432" y="38271"/>
                  <a:pt x="520885" y="52496"/>
                  <a:pt x="517237" y="64655"/>
                </a:cubicBezTo>
                <a:cubicBezTo>
                  <a:pt x="511642" y="83306"/>
                  <a:pt x="498764" y="120073"/>
                  <a:pt x="498764" y="120073"/>
                </a:cubicBezTo>
                <a:cubicBezTo>
                  <a:pt x="499156" y="123212"/>
                  <a:pt x="504093" y="201957"/>
                  <a:pt x="517237" y="221673"/>
                </a:cubicBezTo>
                <a:cubicBezTo>
                  <a:pt x="527450" y="236993"/>
                  <a:pt x="555617" y="259336"/>
                  <a:pt x="572655" y="267855"/>
                </a:cubicBezTo>
                <a:cubicBezTo>
                  <a:pt x="581363" y="272209"/>
                  <a:pt x="591128" y="274012"/>
                  <a:pt x="600364" y="277091"/>
                </a:cubicBezTo>
                <a:cubicBezTo>
                  <a:pt x="615758" y="274012"/>
                  <a:pt x="642501" y="283024"/>
                  <a:pt x="646546" y="267855"/>
                </a:cubicBezTo>
                <a:cubicBezTo>
                  <a:pt x="676817" y="154340"/>
                  <a:pt x="662912" y="155615"/>
                  <a:pt x="609600" y="120073"/>
                </a:cubicBezTo>
                <a:cubicBezTo>
                  <a:pt x="606521" y="110837"/>
                  <a:pt x="606446" y="99967"/>
                  <a:pt x="600364" y="92364"/>
                </a:cubicBezTo>
                <a:cubicBezTo>
                  <a:pt x="584929" y="73069"/>
                  <a:pt x="565317" y="73385"/>
                  <a:pt x="544946" y="64655"/>
                </a:cubicBezTo>
                <a:cubicBezTo>
                  <a:pt x="532290" y="59231"/>
                  <a:pt x="520315" y="52340"/>
                  <a:pt x="508000" y="46182"/>
                </a:cubicBezTo>
                <a:cubicBezTo>
                  <a:pt x="434109" y="49261"/>
                  <a:pt x="360080" y="49955"/>
                  <a:pt x="286327" y="55418"/>
                </a:cubicBezTo>
                <a:cubicBezTo>
                  <a:pt x="276618" y="56137"/>
                  <a:pt x="265502" y="57771"/>
                  <a:pt x="258618" y="64655"/>
                </a:cubicBezTo>
                <a:cubicBezTo>
                  <a:pt x="251734" y="71539"/>
                  <a:pt x="253736" y="83656"/>
                  <a:pt x="249382" y="92364"/>
                </a:cubicBezTo>
                <a:cubicBezTo>
                  <a:pt x="244418" y="102293"/>
                  <a:pt x="237067" y="110837"/>
                  <a:pt x="230909" y="120073"/>
                </a:cubicBezTo>
                <a:cubicBezTo>
                  <a:pt x="208077" y="188572"/>
                  <a:pt x="216083" y="152895"/>
                  <a:pt x="230909" y="286328"/>
                </a:cubicBezTo>
                <a:cubicBezTo>
                  <a:pt x="232787" y="303228"/>
                  <a:pt x="247139" y="330267"/>
                  <a:pt x="258618" y="341746"/>
                </a:cubicBezTo>
                <a:cubicBezTo>
                  <a:pt x="285086" y="368214"/>
                  <a:pt x="283991" y="354431"/>
                  <a:pt x="314037" y="369455"/>
                </a:cubicBezTo>
                <a:cubicBezTo>
                  <a:pt x="323966" y="374419"/>
                  <a:pt x="332510" y="381770"/>
                  <a:pt x="341746" y="387928"/>
                </a:cubicBezTo>
                <a:cubicBezTo>
                  <a:pt x="366376" y="384849"/>
                  <a:pt x="393436" y="389792"/>
                  <a:pt x="415637" y="378691"/>
                </a:cubicBezTo>
                <a:cubicBezTo>
                  <a:pt x="427952" y="372533"/>
                  <a:pt x="433128" y="355480"/>
                  <a:pt x="434109" y="341746"/>
                </a:cubicBezTo>
                <a:cubicBezTo>
                  <a:pt x="436313" y="310883"/>
                  <a:pt x="429578" y="279964"/>
                  <a:pt x="424873" y="249382"/>
                </a:cubicBezTo>
                <a:cubicBezTo>
                  <a:pt x="423393" y="239759"/>
                  <a:pt x="421719" y="229275"/>
                  <a:pt x="415637" y="221673"/>
                </a:cubicBezTo>
                <a:cubicBezTo>
                  <a:pt x="408702" y="213005"/>
                  <a:pt x="396455" y="210307"/>
                  <a:pt x="387927" y="203200"/>
                </a:cubicBezTo>
                <a:cubicBezTo>
                  <a:pt x="363070" y="182486"/>
                  <a:pt x="361992" y="170121"/>
                  <a:pt x="332509" y="157018"/>
                </a:cubicBezTo>
                <a:cubicBezTo>
                  <a:pt x="314715" y="149110"/>
                  <a:pt x="277091" y="138546"/>
                  <a:pt x="277091" y="138546"/>
                </a:cubicBezTo>
                <a:cubicBezTo>
                  <a:pt x="267855" y="132388"/>
                  <a:pt x="259814" y="123867"/>
                  <a:pt x="249382" y="120073"/>
                </a:cubicBezTo>
                <a:cubicBezTo>
                  <a:pt x="225522" y="111397"/>
                  <a:pt x="198199" y="112954"/>
                  <a:pt x="175491" y="101600"/>
                </a:cubicBezTo>
                <a:cubicBezTo>
                  <a:pt x="163176" y="95443"/>
                  <a:pt x="152239" y="84569"/>
                  <a:pt x="138546" y="83128"/>
                </a:cubicBezTo>
                <a:cubicBezTo>
                  <a:pt x="92618" y="78294"/>
                  <a:pt x="46182" y="83128"/>
                  <a:pt x="0" y="83128"/>
                </a:cubicBezTo>
              </a:path>
            </a:pathLst>
          </a:custGeom>
          <a:noFill/>
          <a:ln w="381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3" name="TextBox 42"/>
          <p:cNvSpPr txBox="1"/>
          <p:nvPr/>
        </p:nvSpPr>
        <p:spPr>
          <a:xfrm>
            <a:off x="5138244" y="1814277"/>
            <a:ext cx="11597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dirty="0" smtClean="0">
                <a:latin typeface="+mn-lt"/>
              </a:rPr>
              <a:t>IONIZATION</a:t>
            </a:r>
            <a:endParaRPr lang="en-GB" dirty="0" err="1" smtClean="0">
              <a:latin typeface="+mn-lt"/>
            </a:endParaRPr>
          </a:p>
        </p:txBody>
      </p:sp>
      <p:sp>
        <p:nvSpPr>
          <p:cNvPr id="44" name="Freeform 43"/>
          <p:cNvSpPr/>
          <p:nvPr/>
        </p:nvSpPr>
        <p:spPr bwMode="auto">
          <a:xfrm>
            <a:off x="8383546" y="3638063"/>
            <a:ext cx="895927" cy="387928"/>
          </a:xfrm>
          <a:custGeom>
            <a:avLst/>
            <a:gdLst>
              <a:gd name="connsiteX0" fmla="*/ 895927 w 895927"/>
              <a:gd name="connsiteY0" fmla="*/ 221673 h 387928"/>
              <a:gd name="connsiteX1" fmla="*/ 868218 w 895927"/>
              <a:gd name="connsiteY1" fmla="*/ 92364 h 387928"/>
              <a:gd name="connsiteX2" fmla="*/ 840509 w 895927"/>
              <a:gd name="connsiteY2" fmla="*/ 73891 h 387928"/>
              <a:gd name="connsiteX3" fmla="*/ 822037 w 895927"/>
              <a:gd name="connsiteY3" fmla="*/ 46182 h 387928"/>
              <a:gd name="connsiteX4" fmla="*/ 757382 w 895927"/>
              <a:gd name="connsiteY4" fmla="*/ 18473 h 387928"/>
              <a:gd name="connsiteX5" fmla="*/ 720437 w 895927"/>
              <a:gd name="connsiteY5" fmla="*/ 0 h 387928"/>
              <a:gd name="connsiteX6" fmla="*/ 554182 w 895927"/>
              <a:gd name="connsiteY6" fmla="*/ 9237 h 387928"/>
              <a:gd name="connsiteX7" fmla="*/ 526473 w 895927"/>
              <a:gd name="connsiteY7" fmla="*/ 27709 h 387928"/>
              <a:gd name="connsiteX8" fmla="*/ 517237 w 895927"/>
              <a:gd name="connsiteY8" fmla="*/ 64655 h 387928"/>
              <a:gd name="connsiteX9" fmla="*/ 498764 w 895927"/>
              <a:gd name="connsiteY9" fmla="*/ 120073 h 387928"/>
              <a:gd name="connsiteX10" fmla="*/ 517237 w 895927"/>
              <a:gd name="connsiteY10" fmla="*/ 221673 h 387928"/>
              <a:gd name="connsiteX11" fmla="*/ 572655 w 895927"/>
              <a:gd name="connsiteY11" fmla="*/ 267855 h 387928"/>
              <a:gd name="connsiteX12" fmla="*/ 600364 w 895927"/>
              <a:gd name="connsiteY12" fmla="*/ 277091 h 387928"/>
              <a:gd name="connsiteX13" fmla="*/ 646546 w 895927"/>
              <a:gd name="connsiteY13" fmla="*/ 267855 h 387928"/>
              <a:gd name="connsiteX14" fmla="*/ 609600 w 895927"/>
              <a:gd name="connsiteY14" fmla="*/ 120073 h 387928"/>
              <a:gd name="connsiteX15" fmla="*/ 600364 w 895927"/>
              <a:gd name="connsiteY15" fmla="*/ 92364 h 387928"/>
              <a:gd name="connsiteX16" fmla="*/ 544946 w 895927"/>
              <a:gd name="connsiteY16" fmla="*/ 64655 h 387928"/>
              <a:gd name="connsiteX17" fmla="*/ 508000 w 895927"/>
              <a:gd name="connsiteY17" fmla="*/ 46182 h 387928"/>
              <a:gd name="connsiteX18" fmla="*/ 286327 w 895927"/>
              <a:gd name="connsiteY18" fmla="*/ 55418 h 387928"/>
              <a:gd name="connsiteX19" fmla="*/ 258618 w 895927"/>
              <a:gd name="connsiteY19" fmla="*/ 64655 h 387928"/>
              <a:gd name="connsiteX20" fmla="*/ 249382 w 895927"/>
              <a:gd name="connsiteY20" fmla="*/ 92364 h 387928"/>
              <a:gd name="connsiteX21" fmla="*/ 230909 w 895927"/>
              <a:gd name="connsiteY21" fmla="*/ 120073 h 387928"/>
              <a:gd name="connsiteX22" fmla="*/ 230909 w 895927"/>
              <a:gd name="connsiteY22" fmla="*/ 286328 h 387928"/>
              <a:gd name="connsiteX23" fmla="*/ 258618 w 895927"/>
              <a:gd name="connsiteY23" fmla="*/ 341746 h 387928"/>
              <a:gd name="connsiteX24" fmla="*/ 314037 w 895927"/>
              <a:gd name="connsiteY24" fmla="*/ 369455 h 387928"/>
              <a:gd name="connsiteX25" fmla="*/ 341746 w 895927"/>
              <a:gd name="connsiteY25" fmla="*/ 387928 h 387928"/>
              <a:gd name="connsiteX26" fmla="*/ 415637 w 895927"/>
              <a:gd name="connsiteY26" fmla="*/ 378691 h 387928"/>
              <a:gd name="connsiteX27" fmla="*/ 434109 w 895927"/>
              <a:gd name="connsiteY27" fmla="*/ 341746 h 387928"/>
              <a:gd name="connsiteX28" fmla="*/ 424873 w 895927"/>
              <a:gd name="connsiteY28" fmla="*/ 249382 h 387928"/>
              <a:gd name="connsiteX29" fmla="*/ 415637 w 895927"/>
              <a:gd name="connsiteY29" fmla="*/ 221673 h 387928"/>
              <a:gd name="connsiteX30" fmla="*/ 387927 w 895927"/>
              <a:gd name="connsiteY30" fmla="*/ 203200 h 387928"/>
              <a:gd name="connsiteX31" fmla="*/ 332509 w 895927"/>
              <a:gd name="connsiteY31" fmla="*/ 157018 h 387928"/>
              <a:gd name="connsiteX32" fmla="*/ 277091 w 895927"/>
              <a:gd name="connsiteY32" fmla="*/ 138546 h 387928"/>
              <a:gd name="connsiteX33" fmla="*/ 249382 w 895927"/>
              <a:gd name="connsiteY33" fmla="*/ 120073 h 387928"/>
              <a:gd name="connsiteX34" fmla="*/ 175491 w 895927"/>
              <a:gd name="connsiteY34" fmla="*/ 101600 h 387928"/>
              <a:gd name="connsiteX35" fmla="*/ 138546 w 895927"/>
              <a:gd name="connsiteY35" fmla="*/ 83128 h 387928"/>
              <a:gd name="connsiteX36" fmla="*/ 0 w 895927"/>
              <a:gd name="connsiteY36" fmla="*/ 83128 h 387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895927" h="387928">
                <a:moveTo>
                  <a:pt x="895927" y="221673"/>
                </a:moveTo>
                <a:cubicBezTo>
                  <a:pt x="891404" y="171922"/>
                  <a:pt x="903688" y="127834"/>
                  <a:pt x="868218" y="92364"/>
                </a:cubicBezTo>
                <a:cubicBezTo>
                  <a:pt x="860369" y="84515"/>
                  <a:pt x="849745" y="80049"/>
                  <a:pt x="840509" y="73891"/>
                </a:cubicBezTo>
                <a:cubicBezTo>
                  <a:pt x="834352" y="64655"/>
                  <a:pt x="830565" y="53288"/>
                  <a:pt x="822037" y="46182"/>
                </a:cubicBezTo>
                <a:cubicBezTo>
                  <a:pt x="800412" y="28161"/>
                  <a:pt x="781163" y="28665"/>
                  <a:pt x="757382" y="18473"/>
                </a:cubicBezTo>
                <a:cubicBezTo>
                  <a:pt x="744727" y="13049"/>
                  <a:pt x="732752" y="6158"/>
                  <a:pt x="720437" y="0"/>
                </a:cubicBezTo>
                <a:cubicBezTo>
                  <a:pt x="665019" y="3079"/>
                  <a:pt x="609128" y="1388"/>
                  <a:pt x="554182" y="9237"/>
                </a:cubicBezTo>
                <a:cubicBezTo>
                  <a:pt x="543193" y="10807"/>
                  <a:pt x="532630" y="18473"/>
                  <a:pt x="526473" y="27709"/>
                </a:cubicBezTo>
                <a:cubicBezTo>
                  <a:pt x="519432" y="38271"/>
                  <a:pt x="520885" y="52496"/>
                  <a:pt x="517237" y="64655"/>
                </a:cubicBezTo>
                <a:cubicBezTo>
                  <a:pt x="511642" y="83306"/>
                  <a:pt x="498764" y="120073"/>
                  <a:pt x="498764" y="120073"/>
                </a:cubicBezTo>
                <a:cubicBezTo>
                  <a:pt x="499156" y="123212"/>
                  <a:pt x="504093" y="201957"/>
                  <a:pt x="517237" y="221673"/>
                </a:cubicBezTo>
                <a:cubicBezTo>
                  <a:pt x="527450" y="236993"/>
                  <a:pt x="555617" y="259336"/>
                  <a:pt x="572655" y="267855"/>
                </a:cubicBezTo>
                <a:cubicBezTo>
                  <a:pt x="581363" y="272209"/>
                  <a:pt x="591128" y="274012"/>
                  <a:pt x="600364" y="277091"/>
                </a:cubicBezTo>
                <a:cubicBezTo>
                  <a:pt x="615758" y="274012"/>
                  <a:pt x="642501" y="283024"/>
                  <a:pt x="646546" y="267855"/>
                </a:cubicBezTo>
                <a:cubicBezTo>
                  <a:pt x="676817" y="154340"/>
                  <a:pt x="662912" y="155615"/>
                  <a:pt x="609600" y="120073"/>
                </a:cubicBezTo>
                <a:cubicBezTo>
                  <a:pt x="606521" y="110837"/>
                  <a:pt x="606446" y="99967"/>
                  <a:pt x="600364" y="92364"/>
                </a:cubicBezTo>
                <a:cubicBezTo>
                  <a:pt x="584929" y="73069"/>
                  <a:pt x="565317" y="73385"/>
                  <a:pt x="544946" y="64655"/>
                </a:cubicBezTo>
                <a:cubicBezTo>
                  <a:pt x="532290" y="59231"/>
                  <a:pt x="520315" y="52340"/>
                  <a:pt x="508000" y="46182"/>
                </a:cubicBezTo>
                <a:cubicBezTo>
                  <a:pt x="434109" y="49261"/>
                  <a:pt x="360080" y="49955"/>
                  <a:pt x="286327" y="55418"/>
                </a:cubicBezTo>
                <a:cubicBezTo>
                  <a:pt x="276618" y="56137"/>
                  <a:pt x="265502" y="57771"/>
                  <a:pt x="258618" y="64655"/>
                </a:cubicBezTo>
                <a:cubicBezTo>
                  <a:pt x="251734" y="71539"/>
                  <a:pt x="253736" y="83656"/>
                  <a:pt x="249382" y="92364"/>
                </a:cubicBezTo>
                <a:cubicBezTo>
                  <a:pt x="244418" y="102293"/>
                  <a:pt x="237067" y="110837"/>
                  <a:pt x="230909" y="120073"/>
                </a:cubicBezTo>
                <a:cubicBezTo>
                  <a:pt x="208077" y="188572"/>
                  <a:pt x="216083" y="152895"/>
                  <a:pt x="230909" y="286328"/>
                </a:cubicBezTo>
                <a:cubicBezTo>
                  <a:pt x="232787" y="303228"/>
                  <a:pt x="247139" y="330267"/>
                  <a:pt x="258618" y="341746"/>
                </a:cubicBezTo>
                <a:cubicBezTo>
                  <a:pt x="285086" y="368214"/>
                  <a:pt x="283991" y="354431"/>
                  <a:pt x="314037" y="369455"/>
                </a:cubicBezTo>
                <a:cubicBezTo>
                  <a:pt x="323966" y="374419"/>
                  <a:pt x="332510" y="381770"/>
                  <a:pt x="341746" y="387928"/>
                </a:cubicBezTo>
                <a:cubicBezTo>
                  <a:pt x="366376" y="384849"/>
                  <a:pt x="393436" y="389792"/>
                  <a:pt x="415637" y="378691"/>
                </a:cubicBezTo>
                <a:cubicBezTo>
                  <a:pt x="427952" y="372533"/>
                  <a:pt x="433128" y="355480"/>
                  <a:pt x="434109" y="341746"/>
                </a:cubicBezTo>
                <a:cubicBezTo>
                  <a:pt x="436313" y="310883"/>
                  <a:pt x="429578" y="279964"/>
                  <a:pt x="424873" y="249382"/>
                </a:cubicBezTo>
                <a:cubicBezTo>
                  <a:pt x="423393" y="239759"/>
                  <a:pt x="421719" y="229275"/>
                  <a:pt x="415637" y="221673"/>
                </a:cubicBezTo>
                <a:cubicBezTo>
                  <a:pt x="408702" y="213005"/>
                  <a:pt x="396455" y="210307"/>
                  <a:pt x="387927" y="203200"/>
                </a:cubicBezTo>
                <a:cubicBezTo>
                  <a:pt x="363070" y="182486"/>
                  <a:pt x="361992" y="170121"/>
                  <a:pt x="332509" y="157018"/>
                </a:cubicBezTo>
                <a:cubicBezTo>
                  <a:pt x="314715" y="149110"/>
                  <a:pt x="277091" y="138546"/>
                  <a:pt x="277091" y="138546"/>
                </a:cubicBezTo>
                <a:cubicBezTo>
                  <a:pt x="267855" y="132388"/>
                  <a:pt x="259814" y="123867"/>
                  <a:pt x="249382" y="120073"/>
                </a:cubicBezTo>
                <a:cubicBezTo>
                  <a:pt x="225522" y="111397"/>
                  <a:pt x="198199" y="112954"/>
                  <a:pt x="175491" y="101600"/>
                </a:cubicBezTo>
                <a:cubicBezTo>
                  <a:pt x="163176" y="95443"/>
                  <a:pt x="152239" y="84569"/>
                  <a:pt x="138546" y="83128"/>
                </a:cubicBezTo>
                <a:cubicBezTo>
                  <a:pt x="92618" y="78294"/>
                  <a:pt x="46182" y="83128"/>
                  <a:pt x="0" y="83128"/>
                </a:cubicBezTo>
              </a:path>
            </a:pathLst>
          </a:custGeom>
          <a:noFill/>
          <a:ln w="381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5" name="Freeform 44"/>
          <p:cNvSpPr/>
          <p:nvPr/>
        </p:nvSpPr>
        <p:spPr bwMode="auto">
          <a:xfrm>
            <a:off x="9510214" y="3192014"/>
            <a:ext cx="895927" cy="387928"/>
          </a:xfrm>
          <a:custGeom>
            <a:avLst/>
            <a:gdLst>
              <a:gd name="connsiteX0" fmla="*/ 895927 w 895927"/>
              <a:gd name="connsiteY0" fmla="*/ 221673 h 387928"/>
              <a:gd name="connsiteX1" fmla="*/ 868218 w 895927"/>
              <a:gd name="connsiteY1" fmla="*/ 92364 h 387928"/>
              <a:gd name="connsiteX2" fmla="*/ 840509 w 895927"/>
              <a:gd name="connsiteY2" fmla="*/ 73891 h 387928"/>
              <a:gd name="connsiteX3" fmla="*/ 822037 w 895927"/>
              <a:gd name="connsiteY3" fmla="*/ 46182 h 387928"/>
              <a:gd name="connsiteX4" fmla="*/ 757382 w 895927"/>
              <a:gd name="connsiteY4" fmla="*/ 18473 h 387928"/>
              <a:gd name="connsiteX5" fmla="*/ 720437 w 895927"/>
              <a:gd name="connsiteY5" fmla="*/ 0 h 387928"/>
              <a:gd name="connsiteX6" fmla="*/ 554182 w 895927"/>
              <a:gd name="connsiteY6" fmla="*/ 9237 h 387928"/>
              <a:gd name="connsiteX7" fmla="*/ 526473 w 895927"/>
              <a:gd name="connsiteY7" fmla="*/ 27709 h 387928"/>
              <a:gd name="connsiteX8" fmla="*/ 517237 w 895927"/>
              <a:gd name="connsiteY8" fmla="*/ 64655 h 387928"/>
              <a:gd name="connsiteX9" fmla="*/ 498764 w 895927"/>
              <a:gd name="connsiteY9" fmla="*/ 120073 h 387928"/>
              <a:gd name="connsiteX10" fmla="*/ 517237 w 895927"/>
              <a:gd name="connsiteY10" fmla="*/ 221673 h 387928"/>
              <a:gd name="connsiteX11" fmla="*/ 572655 w 895927"/>
              <a:gd name="connsiteY11" fmla="*/ 267855 h 387928"/>
              <a:gd name="connsiteX12" fmla="*/ 600364 w 895927"/>
              <a:gd name="connsiteY12" fmla="*/ 277091 h 387928"/>
              <a:gd name="connsiteX13" fmla="*/ 646546 w 895927"/>
              <a:gd name="connsiteY13" fmla="*/ 267855 h 387928"/>
              <a:gd name="connsiteX14" fmla="*/ 609600 w 895927"/>
              <a:gd name="connsiteY14" fmla="*/ 120073 h 387928"/>
              <a:gd name="connsiteX15" fmla="*/ 600364 w 895927"/>
              <a:gd name="connsiteY15" fmla="*/ 92364 h 387928"/>
              <a:gd name="connsiteX16" fmla="*/ 544946 w 895927"/>
              <a:gd name="connsiteY16" fmla="*/ 64655 h 387928"/>
              <a:gd name="connsiteX17" fmla="*/ 508000 w 895927"/>
              <a:gd name="connsiteY17" fmla="*/ 46182 h 387928"/>
              <a:gd name="connsiteX18" fmla="*/ 286327 w 895927"/>
              <a:gd name="connsiteY18" fmla="*/ 55418 h 387928"/>
              <a:gd name="connsiteX19" fmla="*/ 258618 w 895927"/>
              <a:gd name="connsiteY19" fmla="*/ 64655 h 387928"/>
              <a:gd name="connsiteX20" fmla="*/ 249382 w 895927"/>
              <a:gd name="connsiteY20" fmla="*/ 92364 h 387928"/>
              <a:gd name="connsiteX21" fmla="*/ 230909 w 895927"/>
              <a:gd name="connsiteY21" fmla="*/ 120073 h 387928"/>
              <a:gd name="connsiteX22" fmla="*/ 230909 w 895927"/>
              <a:gd name="connsiteY22" fmla="*/ 286328 h 387928"/>
              <a:gd name="connsiteX23" fmla="*/ 258618 w 895927"/>
              <a:gd name="connsiteY23" fmla="*/ 341746 h 387928"/>
              <a:gd name="connsiteX24" fmla="*/ 314037 w 895927"/>
              <a:gd name="connsiteY24" fmla="*/ 369455 h 387928"/>
              <a:gd name="connsiteX25" fmla="*/ 341746 w 895927"/>
              <a:gd name="connsiteY25" fmla="*/ 387928 h 387928"/>
              <a:gd name="connsiteX26" fmla="*/ 415637 w 895927"/>
              <a:gd name="connsiteY26" fmla="*/ 378691 h 387928"/>
              <a:gd name="connsiteX27" fmla="*/ 434109 w 895927"/>
              <a:gd name="connsiteY27" fmla="*/ 341746 h 387928"/>
              <a:gd name="connsiteX28" fmla="*/ 424873 w 895927"/>
              <a:gd name="connsiteY28" fmla="*/ 249382 h 387928"/>
              <a:gd name="connsiteX29" fmla="*/ 415637 w 895927"/>
              <a:gd name="connsiteY29" fmla="*/ 221673 h 387928"/>
              <a:gd name="connsiteX30" fmla="*/ 387927 w 895927"/>
              <a:gd name="connsiteY30" fmla="*/ 203200 h 387928"/>
              <a:gd name="connsiteX31" fmla="*/ 332509 w 895927"/>
              <a:gd name="connsiteY31" fmla="*/ 157018 h 387928"/>
              <a:gd name="connsiteX32" fmla="*/ 277091 w 895927"/>
              <a:gd name="connsiteY32" fmla="*/ 138546 h 387928"/>
              <a:gd name="connsiteX33" fmla="*/ 249382 w 895927"/>
              <a:gd name="connsiteY33" fmla="*/ 120073 h 387928"/>
              <a:gd name="connsiteX34" fmla="*/ 175491 w 895927"/>
              <a:gd name="connsiteY34" fmla="*/ 101600 h 387928"/>
              <a:gd name="connsiteX35" fmla="*/ 138546 w 895927"/>
              <a:gd name="connsiteY35" fmla="*/ 83128 h 387928"/>
              <a:gd name="connsiteX36" fmla="*/ 0 w 895927"/>
              <a:gd name="connsiteY36" fmla="*/ 83128 h 387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895927" h="387928">
                <a:moveTo>
                  <a:pt x="895927" y="221673"/>
                </a:moveTo>
                <a:cubicBezTo>
                  <a:pt x="891404" y="171922"/>
                  <a:pt x="903688" y="127834"/>
                  <a:pt x="868218" y="92364"/>
                </a:cubicBezTo>
                <a:cubicBezTo>
                  <a:pt x="860369" y="84515"/>
                  <a:pt x="849745" y="80049"/>
                  <a:pt x="840509" y="73891"/>
                </a:cubicBezTo>
                <a:cubicBezTo>
                  <a:pt x="834352" y="64655"/>
                  <a:pt x="830565" y="53288"/>
                  <a:pt x="822037" y="46182"/>
                </a:cubicBezTo>
                <a:cubicBezTo>
                  <a:pt x="800412" y="28161"/>
                  <a:pt x="781163" y="28665"/>
                  <a:pt x="757382" y="18473"/>
                </a:cubicBezTo>
                <a:cubicBezTo>
                  <a:pt x="744727" y="13049"/>
                  <a:pt x="732752" y="6158"/>
                  <a:pt x="720437" y="0"/>
                </a:cubicBezTo>
                <a:cubicBezTo>
                  <a:pt x="665019" y="3079"/>
                  <a:pt x="609128" y="1388"/>
                  <a:pt x="554182" y="9237"/>
                </a:cubicBezTo>
                <a:cubicBezTo>
                  <a:pt x="543193" y="10807"/>
                  <a:pt x="532630" y="18473"/>
                  <a:pt x="526473" y="27709"/>
                </a:cubicBezTo>
                <a:cubicBezTo>
                  <a:pt x="519432" y="38271"/>
                  <a:pt x="520885" y="52496"/>
                  <a:pt x="517237" y="64655"/>
                </a:cubicBezTo>
                <a:cubicBezTo>
                  <a:pt x="511642" y="83306"/>
                  <a:pt x="498764" y="120073"/>
                  <a:pt x="498764" y="120073"/>
                </a:cubicBezTo>
                <a:cubicBezTo>
                  <a:pt x="499156" y="123212"/>
                  <a:pt x="504093" y="201957"/>
                  <a:pt x="517237" y="221673"/>
                </a:cubicBezTo>
                <a:cubicBezTo>
                  <a:pt x="527450" y="236993"/>
                  <a:pt x="555617" y="259336"/>
                  <a:pt x="572655" y="267855"/>
                </a:cubicBezTo>
                <a:cubicBezTo>
                  <a:pt x="581363" y="272209"/>
                  <a:pt x="591128" y="274012"/>
                  <a:pt x="600364" y="277091"/>
                </a:cubicBezTo>
                <a:cubicBezTo>
                  <a:pt x="615758" y="274012"/>
                  <a:pt x="642501" y="283024"/>
                  <a:pt x="646546" y="267855"/>
                </a:cubicBezTo>
                <a:cubicBezTo>
                  <a:pt x="676817" y="154340"/>
                  <a:pt x="662912" y="155615"/>
                  <a:pt x="609600" y="120073"/>
                </a:cubicBezTo>
                <a:cubicBezTo>
                  <a:pt x="606521" y="110837"/>
                  <a:pt x="606446" y="99967"/>
                  <a:pt x="600364" y="92364"/>
                </a:cubicBezTo>
                <a:cubicBezTo>
                  <a:pt x="584929" y="73069"/>
                  <a:pt x="565317" y="73385"/>
                  <a:pt x="544946" y="64655"/>
                </a:cubicBezTo>
                <a:cubicBezTo>
                  <a:pt x="532290" y="59231"/>
                  <a:pt x="520315" y="52340"/>
                  <a:pt x="508000" y="46182"/>
                </a:cubicBezTo>
                <a:cubicBezTo>
                  <a:pt x="434109" y="49261"/>
                  <a:pt x="360080" y="49955"/>
                  <a:pt x="286327" y="55418"/>
                </a:cubicBezTo>
                <a:cubicBezTo>
                  <a:pt x="276618" y="56137"/>
                  <a:pt x="265502" y="57771"/>
                  <a:pt x="258618" y="64655"/>
                </a:cubicBezTo>
                <a:cubicBezTo>
                  <a:pt x="251734" y="71539"/>
                  <a:pt x="253736" y="83656"/>
                  <a:pt x="249382" y="92364"/>
                </a:cubicBezTo>
                <a:cubicBezTo>
                  <a:pt x="244418" y="102293"/>
                  <a:pt x="237067" y="110837"/>
                  <a:pt x="230909" y="120073"/>
                </a:cubicBezTo>
                <a:cubicBezTo>
                  <a:pt x="208077" y="188572"/>
                  <a:pt x="216083" y="152895"/>
                  <a:pt x="230909" y="286328"/>
                </a:cubicBezTo>
                <a:cubicBezTo>
                  <a:pt x="232787" y="303228"/>
                  <a:pt x="247139" y="330267"/>
                  <a:pt x="258618" y="341746"/>
                </a:cubicBezTo>
                <a:cubicBezTo>
                  <a:pt x="285086" y="368214"/>
                  <a:pt x="283991" y="354431"/>
                  <a:pt x="314037" y="369455"/>
                </a:cubicBezTo>
                <a:cubicBezTo>
                  <a:pt x="323966" y="374419"/>
                  <a:pt x="332510" y="381770"/>
                  <a:pt x="341746" y="387928"/>
                </a:cubicBezTo>
                <a:cubicBezTo>
                  <a:pt x="366376" y="384849"/>
                  <a:pt x="393436" y="389792"/>
                  <a:pt x="415637" y="378691"/>
                </a:cubicBezTo>
                <a:cubicBezTo>
                  <a:pt x="427952" y="372533"/>
                  <a:pt x="433128" y="355480"/>
                  <a:pt x="434109" y="341746"/>
                </a:cubicBezTo>
                <a:cubicBezTo>
                  <a:pt x="436313" y="310883"/>
                  <a:pt x="429578" y="279964"/>
                  <a:pt x="424873" y="249382"/>
                </a:cubicBezTo>
                <a:cubicBezTo>
                  <a:pt x="423393" y="239759"/>
                  <a:pt x="421719" y="229275"/>
                  <a:pt x="415637" y="221673"/>
                </a:cubicBezTo>
                <a:cubicBezTo>
                  <a:pt x="408702" y="213005"/>
                  <a:pt x="396455" y="210307"/>
                  <a:pt x="387927" y="203200"/>
                </a:cubicBezTo>
                <a:cubicBezTo>
                  <a:pt x="363070" y="182486"/>
                  <a:pt x="361992" y="170121"/>
                  <a:pt x="332509" y="157018"/>
                </a:cubicBezTo>
                <a:cubicBezTo>
                  <a:pt x="314715" y="149110"/>
                  <a:pt x="277091" y="138546"/>
                  <a:pt x="277091" y="138546"/>
                </a:cubicBezTo>
                <a:cubicBezTo>
                  <a:pt x="267855" y="132388"/>
                  <a:pt x="259814" y="123867"/>
                  <a:pt x="249382" y="120073"/>
                </a:cubicBezTo>
                <a:cubicBezTo>
                  <a:pt x="225522" y="111397"/>
                  <a:pt x="198199" y="112954"/>
                  <a:pt x="175491" y="101600"/>
                </a:cubicBezTo>
                <a:cubicBezTo>
                  <a:pt x="163176" y="95443"/>
                  <a:pt x="152239" y="84569"/>
                  <a:pt x="138546" y="83128"/>
                </a:cubicBezTo>
                <a:cubicBezTo>
                  <a:pt x="92618" y="78294"/>
                  <a:pt x="46182" y="83128"/>
                  <a:pt x="0" y="83128"/>
                </a:cubicBezTo>
              </a:path>
            </a:pathLst>
          </a:custGeom>
          <a:noFill/>
          <a:ln w="381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6" name="Freeform 45"/>
          <p:cNvSpPr/>
          <p:nvPr/>
        </p:nvSpPr>
        <p:spPr bwMode="auto">
          <a:xfrm>
            <a:off x="9260897" y="3638063"/>
            <a:ext cx="895927" cy="387928"/>
          </a:xfrm>
          <a:custGeom>
            <a:avLst/>
            <a:gdLst>
              <a:gd name="connsiteX0" fmla="*/ 895927 w 895927"/>
              <a:gd name="connsiteY0" fmla="*/ 221673 h 387928"/>
              <a:gd name="connsiteX1" fmla="*/ 868218 w 895927"/>
              <a:gd name="connsiteY1" fmla="*/ 92364 h 387928"/>
              <a:gd name="connsiteX2" fmla="*/ 840509 w 895927"/>
              <a:gd name="connsiteY2" fmla="*/ 73891 h 387928"/>
              <a:gd name="connsiteX3" fmla="*/ 822037 w 895927"/>
              <a:gd name="connsiteY3" fmla="*/ 46182 h 387928"/>
              <a:gd name="connsiteX4" fmla="*/ 757382 w 895927"/>
              <a:gd name="connsiteY4" fmla="*/ 18473 h 387928"/>
              <a:gd name="connsiteX5" fmla="*/ 720437 w 895927"/>
              <a:gd name="connsiteY5" fmla="*/ 0 h 387928"/>
              <a:gd name="connsiteX6" fmla="*/ 554182 w 895927"/>
              <a:gd name="connsiteY6" fmla="*/ 9237 h 387928"/>
              <a:gd name="connsiteX7" fmla="*/ 526473 w 895927"/>
              <a:gd name="connsiteY7" fmla="*/ 27709 h 387928"/>
              <a:gd name="connsiteX8" fmla="*/ 517237 w 895927"/>
              <a:gd name="connsiteY8" fmla="*/ 64655 h 387928"/>
              <a:gd name="connsiteX9" fmla="*/ 498764 w 895927"/>
              <a:gd name="connsiteY9" fmla="*/ 120073 h 387928"/>
              <a:gd name="connsiteX10" fmla="*/ 517237 w 895927"/>
              <a:gd name="connsiteY10" fmla="*/ 221673 h 387928"/>
              <a:gd name="connsiteX11" fmla="*/ 572655 w 895927"/>
              <a:gd name="connsiteY11" fmla="*/ 267855 h 387928"/>
              <a:gd name="connsiteX12" fmla="*/ 600364 w 895927"/>
              <a:gd name="connsiteY12" fmla="*/ 277091 h 387928"/>
              <a:gd name="connsiteX13" fmla="*/ 646546 w 895927"/>
              <a:gd name="connsiteY13" fmla="*/ 267855 h 387928"/>
              <a:gd name="connsiteX14" fmla="*/ 609600 w 895927"/>
              <a:gd name="connsiteY14" fmla="*/ 120073 h 387928"/>
              <a:gd name="connsiteX15" fmla="*/ 600364 w 895927"/>
              <a:gd name="connsiteY15" fmla="*/ 92364 h 387928"/>
              <a:gd name="connsiteX16" fmla="*/ 544946 w 895927"/>
              <a:gd name="connsiteY16" fmla="*/ 64655 h 387928"/>
              <a:gd name="connsiteX17" fmla="*/ 508000 w 895927"/>
              <a:gd name="connsiteY17" fmla="*/ 46182 h 387928"/>
              <a:gd name="connsiteX18" fmla="*/ 286327 w 895927"/>
              <a:gd name="connsiteY18" fmla="*/ 55418 h 387928"/>
              <a:gd name="connsiteX19" fmla="*/ 258618 w 895927"/>
              <a:gd name="connsiteY19" fmla="*/ 64655 h 387928"/>
              <a:gd name="connsiteX20" fmla="*/ 249382 w 895927"/>
              <a:gd name="connsiteY20" fmla="*/ 92364 h 387928"/>
              <a:gd name="connsiteX21" fmla="*/ 230909 w 895927"/>
              <a:gd name="connsiteY21" fmla="*/ 120073 h 387928"/>
              <a:gd name="connsiteX22" fmla="*/ 230909 w 895927"/>
              <a:gd name="connsiteY22" fmla="*/ 286328 h 387928"/>
              <a:gd name="connsiteX23" fmla="*/ 258618 w 895927"/>
              <a:gd name="connsiteY23" fmla="*/ 341746 h 387928"/>
              <a:gd name="connsiteX24" fmla="*/ 314037 w 895927"/>
              <a:gd name="connsiteY24" fmla="*/ 369455 h 387928"/>
              <a:gd name="connsiteX25" fmla="*/ 341746 w 895927"/>
              <a:gd name="connsiteY25" fmla="*/ 387928 h 387928"/>
              <a:gd name="connsiteX26" fmla="*/ 415637 w 895927"/>
              <a:gd name="connsiteY26" fmla="*/ 378691 h 387928"/>
              <a:gd name="connsiteX27" fmla="*/ 434109 w 895927"/>
              <a:gd name="connsiteY27" fmla="*/ 341746 h 387928"/>
              <a:gd name="connsiteX28" fmla="*/ 424873 w 895927"/>
              <a:gd name="connsiteY28" fmla="*/ 249382 h 387928"/>
              <a:gd name="connsiteX29" fmla="*/ 415637 w 895927"/>
              <a:gd name="connsiteY29" fmla="*/ 221673 h 387928"/>
              <a:gd name="connsiteX30" fmla="*/ 387927 w 895927"/>
              <a:gd name="connsiteY30" fmla="*/ 203200 h 387928"/>
              <a:gd name="connsiteX31" fmla="*/ 332509 w 895927"/>
              <a:gd name="connsiteY31" fmla="*/ 157018 h 387928"/>
              <a:gd name="connsiteX32" fmla="*/ 277091 w 895927"/>
              <a:gd name="connsiteY32" fmla="*/ 138546 h 387928"/>
              <a:gd name="connsiteX33" fmla="*/ 249382 w 895927"/>
              <a:gd name="connsiteY33" fmla="*/ 120073 h 387928"/>
              <a:gd name="connsiteX34" fmla="*/ 175491 w 895927"/>
              <a:gd name="connsiteY34" fmla="*/ 101600 h 387928"/>
              <a:gd name="connsiteX35" fmla="*/ 138546 w 895927"/>
              <a:gd name="connsiteY35" fmla="*/ 83128 h 387928"/>
              <a:gd name="connsiteX36" fmla="*/ 0 w 895927"/>
              <a:gd name="connsiteY36" fmla="*/ 83128 h 387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895927" h="387928">
                <a:moveTo>
                  <a:pt x="895927" y="221673"/>
                </a:moveTo>
                <a:cubicBezTo>
                  <a:pt x="891404" y="171922"/>
                  <a:pt x="903688" y="127834"/>
                  <a:pt x="868218" y="92364"/>
                </a:cubicBezTo>
                <a:cubicBezTo>
                  <a:pt x="860369" y="84515"/>
                  <a:pt x="849745" y="80049"/>
                  <a:pt x="840509" y="73891"/>
                </a:cubicBezTo>
                <a:cubicBezTo>
                  <a:pt x="834352" y="64655"/>
                  <a:pt x="830565" y="53288"/>
                  <a:pt x="822037" y="46182"/>
                </a:cubicBezTo>
                <a:cubicBezTo>
                  <a:pt x="800412" y="28161"/>
                  <a:pt x="781163" y="28665"/>
                  <a:pt x="757382" y="18473"/>
                </a:cubicBezTo>
                <a:cubicBezTo>
                  <a:pt x="744727" y="13049"/>
                  <a:pt x="732752" y="6158"/>
                  <a:pt x="720437" y="0"/>
                </a:cubicBezTo>
                <a:cubicBezTo>
                  <a:pt x="665019" y="3079"/>
                  <a:pt x="609128" y="1388"/>
                  <a:pt x="554182" y="9237"/>
                </a:cubicBezTo>
                <a:cubicBezTo>
                  <a:pt x="543193" y="10807"/>
                  <a:pt x="532630" y="18473"/>
                  <a:pt x="526473" y="27709"/>
                </a:cubicBezTo>
                <a:cubicBezTo>
                  <a:pt x="519432" y="38271"/>
                  <a:pt x="520885" y="52496"/>
                  <a:pt x="517237" y="64655"/>
                </a:cubicBezTo>
                <a:cubicBezTo>
                  <a:pt x="511642" y="83306"/>
                  <a:pt x="498764" y="120073"/>
                  <a:pt x="498764" y="120073"/>
                </a:cubicBezTo>
                <a:cubicBezTo>
                  <a:pt x="499156" y="123212"/>
                  <a:pt x="504093" y="201957"/>
                  <a:pt x="517237" y="221673"/>
                </a:cubicBezTo>
                <a:cubicBezTo>
                  <a:pt x="527450" y="236993"/>
                  <a:pt x="555617" y="259336"/>
                  <a:pt x="572655" y="267855"/>
                </a:cubicBezTo>
                <a:cubicBezTo>
                  <a:pt x="581363" y="272209"/>
                  <a:pt x="591128" y="274012"/>
                  <a:pt x="600364" y="277091"/>
                </a:cubicBezTo>
                <a:cubicBezTo>
                  <a:pt x="615758" y="274012"/>
                  <a:pt x="642501" y="283024"/>
                  <a:pt x="646546" y="267855"/>
                </a:cubicBezTo>
                <a:cubicBezTo>
                  <a:pt x="676817" y="154340"/>
                  <a:pt x="662912" y="155615"/>
                  <a:pt x="609600" y="120073"/>
                </a:cubicBezTo>
                <a:cubicBezTo>
                  <a:pt x="606521" y="110837"/>
                  <a:pt x="606446" y="99967"/>
                  <a:pt x="600364" y="92364"/>
                </a:cubicBezTo>
                <a:cubicBezTo>
                  <a:pt x="584929" y="73069"/>
                  <a:pt x="565317" y="73385"/>
                  <a:pt x="544946" y="64655"/>
                </a:cubicBezTo>
                <a:cubicBezTo>
                  <a:pt x="532290" y="59231"/>
                  <a:pt x="520315" y="52340"/>
                  <a:pt x="508000" y="46182"/>
                </a:cubicBezTo>
                <a:cubicBezTo>
                  <a:pt x="434109" y="49261"/>
                  <a:pt x="360080" y="49955"/>
                  <a:pt x="286327" y="55418"/>
                </a:cubicBezTo>
                <a:cubicBezTo>
                  <a:pt x="276618" y="56137"/>
                  <a:pt x="265502" y="57771"/>
                  <a:pt x="258618" y="64655"/>
                </a:cubicBezTo>
                <a:cubicBezTo>
                  <a:pt x="251734" y="71539"/>
                  <a:pt x="253736" y="83656"/>
                  <a:pt x="249382" y="92364"/>
                </a:cubicBezTo>
                <a:cubicBezTo>
                  <a:pt x="244418" y="102293"/>
                  <a:pt x="237067" y="110837"/>
                  <a:pt x="230909" y="120073"/>
                </a:cubicBezTo>
                <a:cubicBezTo>
                  <a:pt x="208077" y="188572"/>
                  <a:pt x="216083" y="152895"/>
                  <a:pt x="230909" y="286328"/>
                </a:cubicBezTo>
                <a:cubicBezTo>
                  <a:pt x="232787" y="303228"/>
                  <a:pt x="247139" y="330267"/>
                  <a:pt x="258618" y="341746"/>
                </a:cubicBezTo>
                <a:cubicBezTo>
                  <a:pt x="285086" y="368214"/>
                  <a:pt x="283991" y="354431"/>
                  <a:pt x="314037" y="369455"/>
                </a:cubicBezTo>
                <a:cubicBezTo>
                  <a:pt x="323966" y="374419"/>
                  <a:pt x="332510" y="381770"/>
                  <a:pt x="341746" y="387928"/>
                </a:cubicBezTo>
                <a:cubicBezTo>
                  <a:pt x="366376" y="384849"/>
                  <a:pt x="393436" y="389792"/>
                  <a:pt x="415637" y="378691"/>
                </a:cubicBezTo>
                <a:cubicBezTo>
                  <a:pt x="427952" y="372533"/>
                  <a:pt x="433128" y="355480"/>
                  <a:pt x="434109" y="341746"/>
                </a:cubicBezTo>
                <a:cubicBezTo>
                  <a:pt x="436313" y="310883"/>
                  <a:pt x="429578" y="279964"/>
                  <a:pt x="424873" y="249382"/>
                </a:cubicBezTo>
                <a:cubicBezTo>
                  <a:pt x="423393" y="239759"/>
                  <a:pt x="421719" y="229275"/>
                  <a:pt x="415637" y="221673"/>
                </a:cubicBezTo>
                <a:cubicBezTo>
                  <a:pt x="408702" y="213005"/>
                  <a:pt x="396455" y="210307"/>
                  <a:pt x="387927" y="203200"/>
                </a:cubicBezTo>
                <a:cubicBezTo>
                  <a:pt x="363070" y="182486"/>
                  <a:pt x="361992" y="170121"/>
                  <a:pt x="332509" y="157018"/>
                </a:cubicBezTo>
                <a:cubicBezTo>
                  <a:pt x="314715" y="149110"/>
                  <a:pt x="277091" y="138546"/>
                  <a:pt x="277091" y="138546"/>
                </a:cubicBezTo>
                <a:cubicBezTo>
                  <a:pt x="267855" y="132388"/>
                  <a:pt x="259814" y="123867"/>
                  <a:pt x="249382" y="120073"/>
                </a:cubicBezTo>
                <a:cubicBezTo>
                  <a:pt x="225522" y="111397"/>
                  <a:pt x="198199" y="112954"/>
                  <a:pt x="175491" y="101600"/>
                </a:cubicBezTo>
                <a:cubicBezTo>
                  <a:pt x="163176" y="95443"/>
                  <a:pt x="152239" y="84569"/>
                  <a:pt x="138546" y="83128"/>
                </a:cubicBezTo>
                <a:cubicBezTo>
                  <a:pt x="92618" y="78294"/>
                  <a:pt x="46182" y="83128"/>
                  <a:pt x="0" y="83128"/>
                </a:cubicBezTo>
              </a:path>
            </a:pathLst>
          </a:custGeom>
          <a:noFill/>
          <a:ln w="381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47" name="Freeform 46"/>
          <p:cNvSpPr/>
          <p:nvPr/>
        </p:nvSpPr>
        <p:spPr bwMode="auto">
          <a:xfrm>
            <a:off x="9537286" y="4133434"/>
            <a:ext cx="895927" cy="387928"/>
          </a:xfrm>
          <a:custGeom>
            <a:avLst/>
            <a:gdLst>
              <a:gd name="connsiteX0" fmla="*/ 895927 w 895927"/>
              <a:gd name="connsiteY0" fmla="*/ 221673 h 387928"/>
              <a:gd name="connsiteX1" fmla="*/ 868218 w 895927"/>
              <a:gd name="connsiteY1" fmla="*/ 92364 h 387928"/>
              <a:gd name="connsiteX2" fmla="*/ 840509 w 895927"/>
              <a:gd name="connsiteY2" fmla="*/ 73891 h 387928"/>
              <a:gd name="connsiteX3" fmla="*/ 822037 w 895927"/>
              <a:gd name="connsiteY3" fmla="*/ 46182 h 387928"/>
              <a:gd name="connsiteX4" fmla="*/ 757382 w 895927"/>
              <a:gd name="connsiteY4" fmla="*/ 18473 h 387928"/>
              <a:gd name="connsiteX5" fmla="*/ 720437 w 895927"/>
              <a:gd name="connsiteY5" fmla="*/ 0 h 387928"/>
              <a:gd name="connsiteX6" fmla="*/ 554182 w 895927"/>
              <a:gd name="connsiteY6" fmla="*/ 9237 h 387928"/>
              <a:gd name="connsiteX7" fmla="*/ 526473 w 895927"/>
              <a:gd name="connsiteY7" fmla="*/ 27709 h 387928"/>
              <a:gd name="connsiteX8" fmla="*/ 517237 w 895927"/>
              <a:gd name="connsiteY8" fmla="*/ 64655 h 387928"/>
              <a:gd name="connsiteX9" fmla="*/ 498764 w 895927"/>
              <a:gd name="connsiteY9" fmla="*/ 120073 h 387928"/>
              <a:gd name="connsiteX10" fmla="*/ 517237 w 895927"/>
              <a:gd name="connsiteY10" fmla="*/ 221673 h 387928"/>
              <a:gd name="connsiteX11" fmla="*/ 572655 w 895927"/>
              <a:gd name="connsiteY11" fmla="*/ 267855 h 387928"/>
              <a:gd name="connsiteX12" fmla="*/ 600364 w 895927"/>
              <a:gd name="connsiteY12" fmla="*/ 277091 h 387928"/>
              <a:gd name="connsiteX13" fmla="*/ 646546 w 895927"/>
              <a:gd name="connsiteY13" fmla="*/ 267855 h 387928"/>
              <a:gd name="connsiteX14" fmla="*/ 609600 w 895927"/>
              <a:gd name="connsiteY14" fmla="*/ 120073 h 387928"/>
              <a:gd name="connsiteX15" fmla="*/ 600364 w 895927"/>
              <a:gd name="connsiteY15" fmla="*/ 92364 h 387928"/>
              <a:gd name="connsiteX16" fmla="*/ 544946 w 895927"/>
              <a:gd name="connsiteY16" fmla="*/ 64655 h 387928"/>
              <a:gd name="connsiteX17" fmla="*/ 508000 w 895927"/>
              <a:gd name="connsiteY17" fmla="*/ 46182 h 387928"/>
              <a:gd name="connsiteX18" fmla="*/ 286327 w 895927"/>
              <a:gd name="connsiteY18" fmla="*/ 55418 h 387928"/>
              <a:gd name="connsiteX19" fmla="*/ 258618 w 895927"/>
              <a:gd name="connsiteY19" fmla="*/ 64655 h 387928"/>
              <a:gd name="connsiteX20" fmla="*/ 249382 w 895927"/>
              <a:gd name="connsiteY20" fmla="*/ 92364 h 387928"/>
              <a:gd name="connsiteX21" fmla="*/ 230909 w 895927"/>
              <a:gd name="connsiteY21" fmla="*/ 120073 h 387928"/>
              <a:gd name="connsiteX22" fmla="*/ 230909 w 895927"/>
              <a:gd name="connsiteY22" fmla="*/ 286328 h 387928"/>
              <a:gd name="connsiteX23" fmla="*/ 258618 w 895927"/>
              <a:gd name="connsiteY23" fmla="*/ 341746 h 387928"/>
              <a:gd name="connsiteX24" fmla="*/ 314037 w 895927"/>
              <a:gd name="connsiteY24" fmla="*/ 369455 h 387928"/>
              <a:gd name="connsiteX25" fmla="*/ 341746 w 895927"/>
              <a:gd name="connsiteY25" fmla="*/ 387928 h 387928"/>
              <a:gd name="connsiteX26" fmla="*/ 415637 w 895927"/>
              <a:gd name="connsiteY26" fmla="*/ 378691 h 387928"/>
              <a:gd name="connsiteX27" fmla="*/ 434109 w 895927"/>
              <a:gd name="connsiteY27" fmla="*/ 341746 h 387928"/>
              <a:gd name="connsiteX28" fmla="*/ 424873 w 895927"/>
              <a:gd name="connsiteY28" fmla="*/ 249382 h 387928"/>
              <a:gd name="connsiteX29" fmla="*/ 415637 w 895927"/>
              <a:gd name="connsiteY29" fmla="*/ 221673 h 387928"/>
              <a:gd name="connsiteX30" fmla="*/ 387927 w 895927"/>
              <a:gd name="connsiteY30" fmla="*/ 203200 h 387928"/>
              <a:gd name="connsiteX31" fmla="*/ 332509 w 895927"/>
              <a:gd name="connsiteY31" fmla="*/ 157018 h 387928"/>
              <a:gd name="connsiteX32" fmla="*/ 277091 w 895927"/>
              <a:gd name="connsiteY32" fmla="*/ 138546 h 387928"/>
              <a:gd name="connsiteX33" fmla="*/ 249382 w 895927"/>
              <a:gd name="connsiteY33" fmla="*/ 120073 h 387928"/>
              <a:gd name="connsiteX34" fmla="*/ 175491 w 895927"/>
              <a:gd name="connsiteY34" fmla="*/ 101600 h 387928"/>
              <a:gd name="connsiteX35" fmla="*/ 138546 w 895927"/>
              <a:gd name="connsiteY35" fmla="*/ 83128 h 387928"/>
              <a:gd name="connsiteX36" fmla="*/ 0 w 895927"/>
              <a:gd name="connsiteY36" fmla="*/ 83128 h 387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895927" h="387928">
                <a:moveTo>
                  <a:pt x="895927" y="221673"/>
                </a:moveTo>
                <a:cubicBezTo>
                  <a:pt x="891404" y="171922"/>
                  <a:pt x="903688" y="127834"/>
                  <a:pt x="868218" y="92364"/>
                </a:cubicBezTo>
                <a:cubicBezTo>
                  <a:pt x="860369" y="84515"/>
                  <a:pt x="849745" y="80049"/>
                  <a:pt x="840509" y="73891"/>
                </a:cubicBezTo>
                <a:cubicBezTo>
                  <a:pt x="834352" y="64655"/>
                  <a:pt x="830565" y="53288"/>
                  <a:pt x="822037" y="46182"/>
                </a:cubicBezTo>
                <a:cubicBezTo>
                  <a:pt x="800412" y="28161"/>
                  <a:pt x="781163" y="28665"/>
                  <a:pt x="757382" y="18473"/>
                </a:cubicBezTo>
                <a:cubicBezTo>
                  <a:pt x="744727" y="13049"/>
                  <a:pt x="732752" y="6158"/>
                  <a:pt x="720437" y="0"/>
                </a:cubicBezTo>
                <a:cubicBezTo>
                  <a:pt x="665019" y="3079"/>
                  <a:pt x="609128" y="1388"/>
                  <a:pt x="554182" y="9237"/>
                </a:cubicBezTo>
                <a:cubicBezTo>
                  <a:pt x="543193" y="10807"/>
                  <a:pt x="532630" y="18473"/>
                  <a:pt x="526473" y="27709"/>
                </a:cubicBezTo>
                <a:cubicBezTo>
                  <a:pt x="519432" y="38271"/>
                  <a:pt x="520885" y="52496"/>
                  <a:pt x="517237" y="64655"/>
                </a:cubicBezTo>
                <a:cubicBezTo>
                  <a:pt x="511642" y="83306"/>
                  <a:pt x="498764" y="120073"/>
                  <a:pt x="498764" y="120073"/>
                </a:cubicBezTo>
                <a:cubicBezTo>
                  <a:pt x="499156" y="123212"/>
                  <a:pt x="504093" y="201957"/>
                  <a:pt x="517237" y="221673"/>
                </a:cubicBezTo>
                <a:cubicBezTo>
                  <a:pt x="527450" y="236993"/>
                  <a:pt x="555617" y="259336"/>
                  <a:pt x="572655" y="267855"/>
                </a:cubicBezTo>
                <a:cubicBezTo>
                  <a:pt x="581363" y="272209"/>
                  <a:pt x="591128" y="274012"/>
                  <a:pt x="600364" y="277091"/>
                </a:cubicBezTo>
                <a:cubicBezTo>
                  <a:pt x="615758" y="274012"/>
                  <a:pt x="642501" y="283024"/>
                  <a:pt x="646546" y="267855"/>
                </a:cubicBezTo>
                <a:cubicBezTo>
                  <a:pt x="676817" y="154340"/>
                  <a:pt x="662912" y="155615"/>
                  <a:pt x="609600" y="120073"/>
                </a:cubicBezTo>
                <a:cubicBezTo>
                  <a:pt x="606521" y="110837"/>
                  <a:pt x="606446" y="99967"/>
                  <a:pt x="600364" y="92364"/>
                </a:cubicBezTo>
                <a:cubicBezTo>
                  <a:pt x="584929" y="73069"/>
                  <a:pt x="565317" y="73385"/>
                  <a:pt x="544946" y="64655"/>
                </a:cubicBezTo>
                <a:cubicBezTo>
                  <a:pt x="532290" y="59231"/>
                  <a:pt x="520315" y="52340"/>
                  <a:pt x="508000" y="46182"/>
                </a:cubicBezTo>
                <a:cubicBezTo>
                  <a:pt x="434109" y="49261"/>
                  <a:pt x="360080" y="49955"/>
                  <a:pt x="286327" y="55418"/>
                </a:cubicBezTo>
                <a:cubicBezTo>
                  <a:pt x="276618" y="56137"/>
                  <a:pt x="265502" y="57771"/>
                  <a:pt x="258618" y="64655"/>
                </a:cubicBezTo>
                <a:cubicBezTo>
                  <a:pt x="251734" y="71539"/>
                  <a:pt x="253736" y="83656"/>
                  <a:pt x="249382" y="92364"/>
                </a:cubicBezTo>
                <a:cubicBezTo>
                  <a:pt x="244418" y="102293"/>
                  <a:pt x="237067" y="110837"/>
                  <a:pt x="230909" y="120073"/>
                </a:cubicBezTo>
                <a:cubicBezTo>
                  <a:pt x="208077" y="188572"/>
                  <a:pt x="216083" y="152895"/>
                  <a:pt x="230909" y="286328"/>
                </a:cubicBezTo>
                <a:cubicBezTo>
                  <a:pt x="232787" y="303228"/>
                  <a:pt x="247139" y="330267"/>
                  <a:pt x="258618" y="341746"/>
                </a:cubicBezTo>
                <a:cubicBezTo>
                  <a:pt x="285086" y="368214"/>
                  <a:pt x="283991" y="354431"/>
                  <a:pt x="314037" y="369455"/>
                </a:cubicBezTo>
                <a:cubicBezTo>
                  <a:pt x="323966" y="374419"/>
                  <a:pt x="332510" y="381770"/>
                  <a:pt x="341746" y="387928"/>
                </a:cubicBezTo>
                <a:cubicBezTo>
                  <a:pt x="366376" y="384849"/>
                  <a:pt x="393436" y="389792"/>
                  <a:pt x="415637" y="378691"/>
                </a:cubicBezTo>
                <a:cubicBezTo>
                  <a:pt x="427952" y="372533"/>
                  <a:pt x="433128" y="355480"/>
                  <a:pt x="434109" y="341746"/>
                </a:cubicBezTo>
                <a:cubicBezTo>
                  <a:pt x="436313" y="310883"/>
                  <a:pt x="429578" y="279964"/>
                  <a:pt x="424873" y="249382"/>
                </a:cubicBezTo>
                <a:cubicBezTo>
                  <a:pt x="423393" y="239759"/>
                  <a:pt x="421719" y="229275"/>
                  <a:pt x="415637" y="221673"/>
                </a:cubicBezTo>
                <a:cubicBezTo>
                  <a:pt x="408702" y="213005"/>
                  <a:pt x="396455" y="210307"/>
                  <a:pt x="387927" y="203200"/>
                </a:cubicBezTo>
                <a:cubicBezTo>
                  <a:pt x="363070" y="182486"/>
                  <a:pt x="361992" y="170121"/>
                  <a:pt x="332509" y="157018"/>
                </a:cubicBezTo>
                <a:cubicBezTo>
                  <a:pt x="314715" y="149110"/>
                  <a:pt x="277091" y="138546"/>
                  <a:pt x="277091" y="138546"/>
                </a:cubicBezTo>
                <a:cubicBezTo>
                  <a:pt x="267855" y="132388"/>
                  <a:pt x="259814" y="123867"/>
                  <a:pt x="249382" y="120073"/>
                </a:cubicBezTo>
                <a:cubicBezTo>
                  <a:pt x="225522" y="111397"/>
                  <a:pt x="198199" y="112954"/>
                  <a:pt x="175491" y="101600"/>
                </a:cubicBezTo>
                <a:cubicBezTo>
                  <a:pt x="163176" y="95443"/>
                  <a:pt x="152239" y="84569"/>
                  <a:pt x="138546" y="83128"/>
                </a:cubicBezTo>
                <a:cubicBezTo>
                  <a:pt x="92618" y="78294"/>
                  <a:pt x="46182" y="83128"/>
                  <a:pt x="0" y="83128"/>
                </a:cubicBezTo>
              </a:path>
            </a:pathLst>
          </a:custGeom>
          <a:noFill/>
          <a:ln w="38100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0" name="Left Arrow 49"/>
          <p:cNvSpPr/>
          <p:nvPr/>
        </p:nvSpPr>
        <p:spPr bwMode="auto">
          <a:xfrm>
            <a:off x="8075165" y="5041183"/>
            <a:ext cx="1635063" cy="257835"/>
          </a:xfrm>
          <a:prstGeom prst="leftArrow">
            <a:avLst/>
          </a:prstGeom>
          <a:solidFill>
            <a:schemeClr val="accent3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52" name="Rectangle 51"/>
          <p:cNvSpPr/>
          <p:nvPr/>
        </p:nvSpPr>
        <p:spPr>
          <a:xfrm>
            <a:off x="2732674" y="6126398"/>
            <a:ext cx="6669046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de-DE" dirty="0"/>
              <a:t>(</a:t>
            </a:r>
            <a:r>
              <a:rPr lang="de-DE" dirty="0" err="1"/>
              <a:t>external</a:t>
            </a:r>
            <a:r>
              <a:rPr lang="de-DE" dirty="0"/>
              <a:t>) </a:t>
            </a:r>
            <a:r>
              <a:rPr lang="de-DE" dirty="0" err="1"/>
              <a:t>Magnetic</a:t>
            </a:r>
            <a:r>
              <a:rPr lang="de-DE" dirty="0"/>
              <a:t> </a:t>
            </a:r>
            <a:r>
              <a:rPr lang="de-DE" dirty="0" err="1"/>
              <a:t>field</a:t>
            </a:r>
            <a:r>
              <a:rPr lang="de-DE" dirty="0"/>
              <a:t> </a:t>
            </a:r>
            <a:r>
              <a:rPr lang="de-DE" dirty="0" err="1"/>
              <a:t>is</a:t>
            </a:r>
            <a:r>
              <a:rPr lang="de-DE" dirty="0"/>
              <a:t> </a:t>
            </a:r>
            <a:r>
              <a:rPr lang="de-DE" dirty="0" err="1"/>
              <a:t>the</a:t>
            </a:r>
            <a:r>
              <a:rPr lang="de-DE" dirty="0"/>
              <a:t> </a:t>
            </a:r>
            <a:r>
              <a:rPr lang="de-DE" dirty="0" err="1"/>
              <a:t>only</a:t>
            </a:r>
            <a:r>
              <a:rPr lang="de-DE" dirty="0"/>
              <a:t> </a:t>
            </a:r>
            <a:r>
              <a:rPr lang="de-DE" dirty="0" err="1"/>
              <a:t>provider</a:t>
            </a:r>
            <a:r>
              <a:rPr lang="de-DE" dirty="0"/>
              <a:t> </a:t>
            </a:r>
            <a:r>
              <a:rPr lang="de-DE" dirty="0" err="1"/>
              <a:t>of</a:t>
            </a:r>
            <a:r>
              <a:rPr lang="de-DE" dirty="0"/>
              <a:t> </a:t>
            </a:r>
            <a:r>
              <a:rPr lang="de-DE" dirty="0" err="1"/>
              <a:t>momentum</a:t>
            </a:r>
            <a:r>
              <a:rPr lang="de-DE" dirty="0"/>
              <a:t> </a:t>
            </a:r>
            <a:endParaRPr lang="en-GB" dirty="0" err="1"/>
          </a:p>
        </p:txBody>
      </p:sp>
      <p:cxnSp>
        <p:nvCxnSpPr>
          <p:cNvPr id="48" name="Straight Connector 47"/>
          <p:cNvCxnSpPr/>
          <p:nvPr/>
        </p:nvCxnSpPr>
        <p:spPr bwMode="auto">
          <a:xfrm flipH="1">
            <a:off x="5682111" y="2354796"/>
            <a:ext cx="72008" cy="3816424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" name="Rectangle 1"/>
          <p:cNvSpPr/>
          <p:nvPr/>
        </p:nvSpPr>
        <p:spPr>
          <a:xfrm>
            <a:off x="6108390" y="3352801"/>
            <a:ext cx="280078" cy="923330"/>
          </a:xfrm>
          <a:prstGeom prst="rect">
            <a:avLst/>
          </a:prstGeom>
          <a:noFill/>
        </p:spPr>
        <p:txBody>
          <a:bodyPr wrap="square" lIns="91440" tIns="45720" rIns="91440" bIns="45720">
            <a:spAutoFit/>
          </a:bodyPr>
          <a:lstStyle/>
          <a:p>
            <a:pPr algn="ctr"/>
            <a:r>
              <a:rPr lang="en-US" sz="5400" b="1" dirty="0" smtClean="0">
                <a:ln w="22225">
                  <a:solidFill>
                    <a:schemeClr val="accent2"/>
                  </a:solidFill>
                  <a:prstDash val="solid"/>
                </a:ln>
                <a:solidFill>
                  <a:schemeClr val="accent2">
                    <a:lumMod val="40000"/>
                    <a:lumOff val="60000"/>
                  </a:schemeClr>
                </a:solidFill>
              </a:rPr>
              <a:t>E</a:t>
            </a:r>
            <a:endParaRPr lang="en-US" sz="5400" b="1" dirty="0">
              <a:ln w="22225">
                <a:solidFill>
                  <a:schemeClr val="accent2"/>
                </a:solidFill>
                <a:prstDash val="solid"/>
              </a:ln>
              <a:solidFill>
                <a:schemeClr val="accent2">
                  <a:lumMod val="40000"/>
                  <a:lumOff val="60000"/>
                </a:schemeClr>
              </a:solidFill>
            </a:endParaRPr>
          </a:p>
        </p:txBody>
      </p:sp>
      <p:sp>
        <p:nvSpPr>
          <p:cNvPr id="53" name="Rectangle 52"/>
          <p:cNvSpPr/>
          <p:nvPr/>
        </p:nvSpPr>
        <p:spPr>
          <a:xfrm>
            <a:off x="100914" y="3315855"/>
            <a:ext cx="280078" cy="923330"/>
          </a:xfrm>
          <a:prstGeom prst="rect">
            <a:avLst/>
          </a:prstGeom>
          <a:noFill/>
        </p:spPr>
        <p:txBody>
          <a:bodyPr wrap="square" lIns="91440" tIns="45720" rIns="91440" bIns="45720">
            <a:spAutoFit/>
          </a:bodyPr>
          <a:lstStyle/>
          <a:p>
            <a:pPr algn="ctr"/>
            <a:r>
              <a:rPr lang="en-US" sz="5400" b="1" dirty="0" smtClean="0">
                <a:ln w="22225">
                  <a:solidFill>
                    <a:schemeClr val="accent2"/>
                  </a:solidFill>
                  <a:prstDash val="solid"/>
                </a:ln>
                <a:solidFill>
                  <a:schemeClr val="accent2">
                    <a:lumMod val="40000"/>
                    <a:lumOff val="60000"/>
                  </a:schemeClr>
                </a:solidFill>
              </a:rPr>
              <a:t>E</a:t>
            </a:r>
            <a:endParaRPr lang="en-US" sz="5400" b="1" dirty="0">
              <a:ln w="22225">
                <a:solidFill>
                  <a:schemeClr val="accent2"/>
                </a:solidFill>
                <a:prstDash val="solid"/>
              </a:ln>
              <a:solidFill>
                <a:schemeClr val="accent2">
                  <a:lumMod val="40000"/>
                  <a:lumOff val="60000"/>
                </a:schemeClr>
              </a:solidFill>
            </a:endParaRPr>
          </a:p>
        </p:txBody>
      </p:sp>
      <p:sp>
        <p:nvSpPr>
          <p:cNvPr id="3" name="Rectangle 2"/>
          <p:cNvSpPr/>
          <p:nvPr/>
        </p:nvSpPr>
        <p:spPr>
          <a:xfrm>
            <a:off x="10781061" y="4521362"/>
            <a:ext cx="718465" cy="923330"/>
          </a:xfrm>
          <a:prstGeom prst="rect">
            <a:avLst/>
          </a:prstGeom>
          <a:noFill/>
        </p:spPr>
        <p:txBody>
          <a:bodyPr wrap="none" lIns="91440" tIns="45720" rIns="91440" bIns="45720">
            <a:spAutoFit/>
          </a:bodyPr>
          <a:lstStyle/>
          <a:p>
            <a:pPr algn="ctr"/>
            <a:r>
              <a:rPr lang="en-US" sz="5400" b="1" spc="50" dirty="0" smtClean="0">
                <a:ln w="9525" cmpd="sng">
                  <a:solidFill>
                    <a:schemeClr val="accent1"/>
                  </a:solidFill>
                  <a:prstDash val="solid"/>
                </a:ln>
                <a:solidFill>
                  <a:srgbClr val="70AD47">
                    <a:tint val="1000"/>
                  </a:srgbClr>
                </a:solidFill>
                <a:effectLst>
                  <a:glow rad="38100">
                    <a:schemeClr val="accent1">
                      <a:alpha val="40000"/>
                    </a:schemeClr>
                  </a:glow>
                </a:effectLst>
              </a:rPr>
              <a:t>B</a:t>
            </a:r>
            <a:endParaRPr lang="en-US" sz="5400" b="1" spc="50" dirty="0">
              <a:ln w="9525" cmpd="sng">
                <a:solidFill>
                  <a:schemeClr val="accent1"/>
                </a:solidFill>
                <a:prstDash val="solid"/>
              </a:ln>
              <a:solidFill>
                <a:srgbClr val="70AD47">
                  <a:tint val="1000"/>
                </a:srgbClr>
              </a:solidFill>
              <a:effectLst>
                <a:glow rad="38100">
                  <a:schemeClr val="accent1">
                    <a:alpha val="40000"/>
                  </a:schemeClr>
                </a:glow>
              </a:effectLst>
            </a:endParaRPr>
          </a:p>
        </p:txBody>
      </p:sp>
      <p:sp>
        <p:nvSpPr>
          <p:cNvPr id="55" name="Rectangle 54"/>
          <p:cNvSpPr/>
          <p:nvPr/>
        </p:nvSpPr>
        <p:spPr>
          <a:xfrm>
            <a:off x="4665681" y="4571426"/>
            <a:ext cx="718465" cy="923330"/>
          </a:xfrm>
          <a:prstGeom prst="rect">
            <a:avLst/>
          </a:prstGeom>
          <a:noFill/>
        </p:spPr>
        <p:txBody>
          <a:bodyPr wrap="none" lIns="91440" tIns="45720" rIns="91440" bIns="45720">
            <a:spAutoFit/>
          </a:bodyPr>
          <a:lstStyle/>
          <a:p>
            <a:pPr algn="ctr"/>
            <a:r>
              <a:rPr lang="en-US" sz="5400" b="1" spc="50" dirty="0" smtClean="0">
                <a:ln w="9525" cmpd="sng">
                  <a:solidFill>
                    <a:schemeClr val="accent1"/>
                  </a:solidFill>
                  <a:prstDash val="solid"/>
                </a:ln>
                <a:solidFill>
                  <a:srgbClr val="70AD47">
                    <a:tint val="1000"/>
                  </a:srgbClr>
                </a:solidFill>
                <a:effectLst>
                  <a:glow rad="38100">
                    <a:schemeClr val="accent1">
                      <a:alpha val="40000"/>
                    </a:schemeClr>
                  </a:glow>
                </a:effectLst>
              </a:rPr>
              <a:t>B</a:t>
            </a:r>
            <a:endParaRPr lang="en-US" sz="5400" b="1" spc="50" dirty="0">
              <a:ln w="9525" cmpd="sng">
                <a:solidFill>
                  <a:schemeClr val="accent1"/>
                </a:solidFill>
                <a:prstDash val="solid"/>
              </a:ln>
              <a:solidFill>
                <a:srgbClr val="70AD47">
                  <a:tint val="1000"/>
                </a:srgbClr>
              </a:solidFill>
              <a:effectLst>
                <a:glow rad="38100">
                  <a:schemeClr val="accent1">
                    <a:alpha val="40000"/>
                  </a:schemeClr>
                </a:glow>
              </a:effectLst>
            </a:endParaRPr>
          </a:p>
        </p:txBody>
      </p:sp>
      <p:sp>
        <p:nvSpPr>
          <p:cNvPr id="13" name="TextBox 12"/>
          <p:cNvSpPr txBox="1"/>
          <p:nvPr/>
        </p:nvSpPr>
        <p:spPr>
          <a:xfrm>
            <a:off x="1846735" y="764704"/>
            <a:ext cx="8310090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000" b="1" dirty="0" err="1" smtClean="0">
                <a:latin typeface="+mn-lt"/>
              </a:rPr>
              <a:t>With</a:t>
            </a:r>
            <a:r>
              <a:rPr lang="de-DE" sz="2000" b="1" dirty="0" smtClean="0">
                <a:latin typeface="+mn-lt"/>
              </a:rPr>
              <a:t> E-Field </a:t>
            </a:r>
            <a:r>
              <a:rPr lang="de-DE" sz="2000" b="1" dirty="0" err="1" smtClean="0">
                <a:latin typeface="+mn-lt"/>
              </a:rPr>
              <a:t>the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net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momentum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gain</a:t>
            </a:r>
            <a:r>
              <a:rPr lang="de-DE" sz="2000" b="1" dirty="0" smtClean="0">
                <a:latin typeface="+mn-lt"/>
              </a:rPr>
              <a:t> via </a:t>
            </a:r>
            <a:r>
              <a:rPr lang="de-DE" sz="2000" b="1" dirty="0" err="1" smtClean="0">
                <a:latin typeface="+mn-lt"/>
              </a:rPr>
              <a:t>ionization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is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always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V_ExB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irrespective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of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the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momentum</a:t>
            </a:r>
            <a:r>
              <a:rPr lang="de-DE" sz="2000" b="1" dirty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of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the</a:t>
            </a:r>
            <a:r>
              <a:rPr lang="de-DE" sz="2000" b="1" dirty="0" smtClean="0">
                <a:latin typeface="+mn-lt"/>
              </a:rPr>
              <a:t> neutral fluid</a:t>
            </a:r>
            <a:endParaRPr lang="en-GB" sz="2000" b="1" dirty="0" err="1" smtClean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8667504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smtClean="0"/>
              <a:t>Summary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z="2000" dirty="0"/>
              <a:t>Density sources </a:t>
            </a:r>
            <a:r>
              <a:rPr lang="en-GB" sz="2000" b="1" dirty="0"/>
              <a:t>generate vorticity</a:t>
            </a:r>
            <a:r>
              <a:rPr lang="en-GB" sz="2000" dirty="0"/>
              <a:t>/angular momentum and </a:t>
            </a:r>
            <a:r>
              <a:rPr lang="en-GB" sz="2000" dirty="0" err="1"/>
              <a:t>ExB</a:t>
            </a:r>
            <a:r>
              <a:rPr lang="en-GB" sz="2000" dirty="0"/>
              <a:t> energy</a:t>
            </a:r>
          </a:p>
          <a:p>
            <a:r>
              <a:rPr lang="en-GB" sz="2000" b="1" dirty="0"/>
              <a:t>drift-fluid models need to be corrected</a:t>
            </a:r>
            <a:r>
              <a:rPr lang="en-GB" sz="2000" dirty="0"/>
              <a:t>: source must be included in drift-reduction</a:t>
            </a:r>
          </a:p>
          <a:p>
            <a:r>
              <a:rPr lang="en-GB" sz="2000" dirty="0"/>
              <a:t>Physical explanation of gyro-fluid source term: part of </a:t>
            </a:r>
            <a:r>
              <a:rPr lang="en-GB" sz="2000" b="1" dirty="0"/>
              <a:t>momentum goes into gyration</a:t>
            </a:r>
            <a:r>
              <a:rPr lang="en-GB" sz="2000" dirty="0"/>
              <a:t> and external magnetic </a:t>
            </a:r>
            <a:r>
              <a:rPr lang="en-GB" sz="2000" dirty="0" smtClean="0"/>
              <a:t>field, </a:t>
            </a:r>
            <a:r>
              <a:rPr lang="en-GB" sz="2000" dirty="0"/>
              <a:t>not into gyro-centre motion</a:t>
            </a:r>
            <a:endParaRPr lang="en-GB" sz="20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129306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smtClean="0"/>
              <a:t>Overview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sz="2000" dirty="0"/>
              <a:t>Density sources </a:t>
            </a:r>
            <a:r>
              <a:rPr lang="en-GB" sz="2000" b="1" dirty="0"/>
              <a:t>generate vorticity</a:t>
            </a:r>
            <a:r>
              <a:rPr lang="en-GB" sz="2000" dirty="0"/>
              <a:t>/angular momentum and </a:t>
            </a:r>
            <a:r>
              <a:rPr lang="en-GB" sz="2000" dirty="0" err="1"/>
              <a:t>ExB</a:t>
            </a:r>
            <a:r>
              <a:rPr lang="en-GB" sz="2000" dirty="0"/>
              <a:t> energy</a:t>
            </a:r>
          </a:p>
          <a:p>
            <a:r>
              <a:rPr lang="en-GB" sz="2000" b="1" dirty="0"/>
              <a:t>drift-fluid models need to be corrected</a:t>
            </a:r>
            <a:r>
              <a:rPr lang="en-GB" sz="2000" dirty="0"/>
              <a:t>: source must be included in drift-reduction</a:t>
            </a:r>
          </a:p>
          <a:p>
            <a:r>
              <a:rPr lang="en-GB" sz="2000" dirty="0"/>
              <a:t>Physical explanation of gyro-fluid source term: part of </a:t>
            </a:r>
            <a:r>
              <a:rPr lang="en-GB" sz="2000" b="1" dirty="0"/>
              <a:t>momentum goes into gyration</a:t>
            </a:r>
            <a:r>
              <a:rPr lang="en-GB" sz="2000" dirty="0"/>
              <a:t> and external magnetic </a:t>
            </a:r>
            <a:r>
              <a:rPr lang="en-GB" sz="2000" dirty="0" smtClean="0"/>
              <a:t>field, not into gyro-centre motion</a:t>
            </a:r>
            <a:endParaRPr lang="en-GB" sz="20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smtClean="0"/>
              <a:t>The </a:t>
            </a:r>
            <a:r>
              <a:rPr lang="de-DE" dirty="0" err="1" smtClean="0"/>
              <a:t>kinetic</a:t>
            </a:r>
            <a:r>
              <a:rPr lang="de-DE" dirty="0" smtClean="0"/>
              <a:t> </a:t>
            </a:r>
            <a:r>
              <a:rPr lang="de-DE" dirty="0" err="1" smtClean="0"/>
              <a:t>source</a:t>
            </a:r>
            <a:r>
              <a:rPr lang="de-DE" dirty="0" smtClean="0"/>
              <a:t> </a:t>
            </a:r>
            <a:r>
              <a:rPr lang="de-DE" dirty="0" err="1" smtClean="0"/>
              <a:t>functio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126654" y="3529510"/>
            <a:ext cx="7311990" cy="1595047"/>
          </a:xfrm>
        </p:spPr>
        <p:txBody>
          <a:bodyPr/>
          <a:lstStyle/>
          <a:p>
            <a:r>
              <a:rPr lang="de-DE" dirty="0">
                <a:ea typeface="Segoe UI Symbol" panose="020B0502040204020203" pitchFamily="34" charset="0"/>
              </a:rPr>
              <a:t>s</a:t>
            </a:r>
            <a:r>
              <a:rPr lang="de-DE" dirty="0" smtClean="0">
                <a:ea typeface="Segoe UI Symbol" panose="020B0502040204020203" pitchFamily="34" charset="0"/>
              </a:rPr>
              <a:t>(</a:t>
            </a:r>
            <a:r>
              <a:rPr lang="de-DE" dirty="0" err="1" smtClean="0">
                <a:ea typeface="Segoe UI Symbol" panose="020B0502040204020203" pitchFamily="34" charset="0"/>
              </a:rPr>
              <a:t>x,v,t</a:t>
            </a:r>
            <a:r>
              <a:rPr lang="de-DE" dirty="0" smtClean="0">
                <a:ea typeface="Segoe UI Symbol" panose="020B0502040204020203" pitchFamily="34" charset="0"/>
              </a:rPr>
              <a:t>) </a:t>
            </a:r>
            <a:r>
              <a:rPr lang="de-DE" dirty="0" err="1" smtClean="0">
                <a:ea typeface="Segoe UI Symbol" panose="020B0502040204020203" pitchFamily="34" charset="0"/>
              </a:rPr>
              <a:t>stands</a:t>
            </a:r>
            <a:r>
              <a:rPr lang="de-DE" dirty="0" smtClean="0">
                <a:ea typeface="Segoe UI Symbol" panose="020B0502040204020203" pitchFamily="34" charset="0"/>
              </a:rPr>
              <a:t> </a:t>
            </a:r>
            <a:r>
              <a:rPr lang="de-DE" dirty="0" err="1" smtClean="0">
                <a:ea typeface="Segoe UI Symbol" panose="020B0502040204020203" pitchFamily="34" charset="0"/>
              </a:rPr>
              <a:t>for</a:t>
            </a:r>
            <a:r>
              <a:rPr lang="de-DE" b="1" dirty="0" smtClean="0">
                <a:ea typeface="Segoe UI Symbol" panose="020B0502040204020203" pitchFamily="34" charset="0"/>
              </a:rPr>
              <a:t> </a:t>
            </a:r>
            <a:r>
              <a:rPr lang="de-DE" b="1" dirty="0" err="1" smtClean="0">
                <a:ea typeface="Segoe UI Symbol" panose="020B0502040204020203" pitchFamily="34" charset="0"/>
              </a:rPr>
              <a:t>ionization</a:t>
            </a:r>
            <a:r>
              <a:rPr lang="de-DE" b="1" dirty="0" smtClean="0">
                <a:ea typeface="Segoe UI Symbol" panose="020B0502040204020203" pitchFamily="34" charset="0"/>
              </a:rPr>
              <a:t>, </a:t>
            </a:r>
            <a:r>
              <a:rPr lang="de-DE" b="1" dirty="0" err="1" smtClean="0">
                <a:ea typeface="Segoe UI Symbol" panose="020B0502040204020203" pitchFamily="34" charset="0"/>
              </a:rPr>
              <a:t>recombination</a:t>
            </a:r>
            <a:r>
              <a:rPr lang="de-DE" b="1" dirty="0" smtClean="0">
                <a:ea typeface="Segoe UI Symbol" panose="020B0502040204020203" pitchFamily="34" charset="0"/>
              </a:rPr>
              <a:t>, </a:t>
            </a:r>
            <a:r>
              <a:rPr lang="de-DE" b="1" dirty="0" err="1" smtClean="0">
                <a:ea typeface="Segoe UI Symbol" panose="020B0502040204020203" pitchFamily="34" charset="0"/>
              </a:rPr>
              <a:t>charge</a:t>
            </a:r>
            <a:r>
              <a:rPr lang="de-DE" b="1" dirty="0" smtClean="0">
                <a:ea typeface="Segoe UI Symbol" panose="020B0502040204020203" pitchFamily="34" charset="0"/>
              </a:rPr>
              <a:t>-exchange, </a:t>
            </a:r>
            <a:r>
              <a:rPr lang="de-DE" b="1" dirty="0" err="1" smtClean="0">
                <a:ea typeface="Segoe UI Symbol" panose="020B0502040204020203" pitchFamily="34" charset="0"/>
              </a:rPr>
              <a:t>collisions</a:t>
            </a:r>
            <a:r>
              <a:rPr lang="de-DE" dirty="0" smtClean="0">
                <a:ea typeface="Segoe UI Symbol" panose="020B0502040204020203" pitchFamily="34" charset="0"/>
              </a:rPr>
              <a:t>, ...</a:t>
            </a:r>
            <a:endParaRPr lang="de-DE" dirty="0">
              <a:ea typeface="Segoe UI Symbol" panose="020B0502040204020203" pitchFamily="34" charset="0"/>
            </a:endParaRPr>
          </a:p>
          <a:p>
            <a:pPr>
              <a:buClr>
                <a:schemeClr val="tx1"/>
              </a:buClr>
            </a:pPr>
            <a:r>
              <a:rPr lang="de-DE" dirty="0" err="1" smtClean="0">
                <a:ea typeface="Segoe UI Symbol" panose="020B0502040204020203" pitchFamily="34" charset="0"/>
              </a:rPr>
              <a:t>the</a:t>
            </a:r>
            <a:r>
              <a:rPr lang="de-DE" dirty="0" smtClean="0">
                <a:ea typeface="Segoe UI Symbol" panose="020B0502040204020203" pitchFamily="34" charset="0"/>
              </a:rPr>
              <a:t> </a:t>
            </a:r>
            <a:r>
              <a:rPr lang="de-DE" dirty="0" err="1" smtClean="0">
                <a:ea typeface="Segoe UI Symbol" panose="020B0502040204020203" pitchFamily="34" charset="0"/>
              </a:rPr>
              <a:t>kinetic</a:t>
            </a:r>
            <a:r>
              <a:rPr lang="de-DE" dirty="0" smtClean="0">
                <a:ea typeface="Segoe UI Symbol" panose="020B0502040204020203" pitchFamily="34" charset="0"/>
              </a:rPr>
              <a:t> </a:t>
            </a:r>
            <a:r>
              <a:rPr lang="de-DE" dirty="0" err="1" smtClean="0">
                <a:ea typeface="Segoe UI Symbol" panose="020B0502040204020203" pitchFamily="34" charset="0"/>
              </a:rPr>
              <a:t>moments</a:t>
            </a:r>
            <a:r>
              <a:rPr lang="de-DE" dirty="0" smtClean="0">
                <a:ea typeface="Segoe UI Symbol" panose="020B0502040204020203" pitchFamily="34" charset="0"/>
              </a:rPr>
              <a:t> </a:t>
            </a:r>
            <a:r>
              <a:rPr lang="de-DE" dirty="0" err="1" smtClean="0">
                <a:ea typeface="Segoe UI Symbol" panose="020B0502040204020203" pitchFamily="34" charset="0"/>
              </a:rPr>
              <a:t>for</a:t>
            </a:r>
            <a:r>
              <a:rPr lang="de-DE" dirty="0" smtClean="0">
                <a:ea typeface="Segoe UI Symbol" panose="020B0502040204020203" pitchFamily="34" charset="0"/>
              </a:rPr>
              <a:t> plasma-neutral </a:t>
            </a:r>
            <a:r>
              <a:rPr lang="de-DE" dirty="0" err="1" smtClean="0">
                <a:ea typeface="Segoe UI Symbol" panose="020B0502040204020203" pitchFamily="34" charset="0"/>
              </a:rPr>
              <a:t>interactions</a:t>
            </a:r>
            <a:r>
              <a:rPr lang="de-DE" dirty="0" smtClean="0">
                <a:ea typeface="Segoe UI Symbol" panose="020B0502040204020203" pitchFamily="34" charset="0"/>
              </a:rPr>
              <a:t> </a:t>
            </a:r>
            <a:r>
              <a:rPr lang="de-DE" b="1" dirty="0" err="1" smtClean="0">
                <a:ea typeface="Segoe UI Symbol" panose="020B0502040204020203" pitchFamily="34" charset="0"/>
              </a:rPr>
              <a:t>have</a:t>
            </a:r>
            <a:r>
              <a:rPr lang="de-DE" b="1" dirty="0" smtClean="0">
                <a:ea typeface="Segoe UI Symbol" panose="020B0502040204020203" pitchFamily="34" charset="0"/>
              </a:rPr>
              <a:t> </a:t>
            </a:r>
            <a:r>
              <a:rPr lang="de-DE" b="1" dirty="0" err="1" smtClean="0">
                <a:ea typeface="Segoe UI Symbol" panose="020B0502040204020203" pitchFamily="34" charset="0"/>
              </a:rPr>
              <a:t>already</a:t>
            </a:r>
            <a:r>
              <a:rPr lang="de-DE" b="1" dirty="0" smtClean="0">
                <a:ea typeface="Segoe UI Symbol" panose="020B0502040204020203" pitchFamily="34" charset="0"/>
              </a:rPr>
              <a:t> </a:t>
            </a:r>
            <a:r>
              <a:rPr lang="de-DE" b="1" dirty="0" err="1" smtClean="0">
                <a:ea typeface="Segoe UI Symbol" panose="020B0502040204020203" pitchFamily="34" charset="0"/>
              </a:rPr>
              <a:t>been</a:t>
            </a:r>
            <a:r>
              <a:rPr lang="de-DE" b="1" dirty="0" smtClean="0">
                <a:ea typeface="Segoe UI Symbol" panose="020B0502040204020203" pitchFamily="34" charset="0"/>
              </a:rPr>
              <a:t> </a:t>
            </a:r>
            <a:r>
              <a:rPr lang="de-DE" b="1" dirty="0" err="1" smtClean="0">
                <a:ea typeface="Segoe UI Symbol" panose="020B0502040204020203" pitchFamily="34" charset="0"/>
              </a:rPr>
              <a:t>worked</a:t>
            </a:r>
            <a:r>
              <a:rPr lang="de-DE" b="1" dirty="0" smtClean="0">
                <a:ea typeface="Segoe UI Symbol" panose="020B0502040204020203" pitchFamily="34" charset="0"/>
              </a:rPr>
              <a:t> out </a:t>
            </a:r>
            <a:r>
              <a:rPr lang="de-DE" dirty="0" smtClean="0">
                <a:ea typeface="Segoe UI Symbol" panose="020B0502040204020203" pitchFamily="34" charset="0"/>
              </a:rPr>
              <a:t>[1,2]</a:t>
            </a:r>
            <a:endParaRPr lang="de-DE" dirty="0" smtClean="0">
              <a:ea typeface="Segoe UI Symbol" panose="020B0502040204020203" pitchFamily="34" charset="0"/>
              <a:sym typeface="Wingdings" panose="05000000000000000000" pitchFamily="2" charset="2"/>
            </a:endParaRPr>
          </a:p>
          <a:p>
            <a:r>
              <a:rPr lang="de-DE" b="1" dirty="0" smtClean="0">
                <a:ea typeface="Segoe UI Symbol" panose="020B0502040204020203" pitchFamily="34" charset="0"/>
                <a:sym typeface="Wingdings" panose="05000000000000000000" pitchFamily="2" charset="2"/>
              </a:rPr>
              <a:t>PLAN</a:t>
            </a:r>
            <a:r>
              <a:rPr lang="de-DE" dirty="0" smtClean="0">
                <a:ea typeface="Segoe UI Symbol" panose="020B0502040204020203" pitchFamily="34" charset="0"/>
                <a:sym typeface="Wingdings" panose="05000000000000000000" pitchFamily="2" charset="2"/>
              </a:rPr>
              <a:t>: </a:t>
            </a:r>
            <a:r>
              <a:rPr lang="de-DE" dirty="0" err="1" smtClean="0">
                <a:ea typeface="Segoe UI Symbol" panose="020B0502040204020203" pitchFamily="34" charset="0"/>
                <a:sym typeface="Wingdings" panose="05000000000000000000" pitchFamily="2" charset="2"/>
              </a:rPr>
              <a:t>derive</a:t>
            </a:r>
            <a:r>
              <a:rPr lang="de-DE" dirty="0" smtClean="0">
                <a:ea typeface="Segoe UI Symbol" panose="020B0502040204020203" pitchFamily="34" charset="0"/>
                <a:sym typeface="Wingdings" panose="05000000000000000000" pitchFamily="2" charset="2"/>
              </a:rPr>
              <a:t> </a:t>
            </a:r>
            <a:r>
              <a:rPr lang="de-DE" dirty="0" err="1" smtClean="0">
                <a:ea typeface="Segoe UI Symbol" panose="020B0502040204020203" pitchFamily="34" charset="0"/>
                <a:sym typeface="Wingdings" panose="05000000000000000000" pitchFamily="2" charset="2"/>
              </a:rPr>
              <a:t>the</a:t>
            </a:r>
            <a:r>
              <a:rPr lang="de-DE" dirty="0" smtClean="0">
                <a:ea typeface="Segoe UI Symbol" panose="020B0502040204020203" pitchFamily="34" charset="0"/>
                <a:sym typeface="Wingdings" panose="05000000000000000000" pitchFamily="2" charset="2"/>
              </a:rPr>
              <a:t> gyro-</a:t>
            </a:r>
            <a:r>
              <a:rPr lang="de-DE" dirty="0" err="1" smtClean="0">
                <a:ea typeface="Segoe UI Symbol" panose="020B0502040204020203" pitchFamily="34" charset="0"/>
                <a:sym typeface="Wingdings" panose="05000000000000000000" pitchFamily="2" charset="2"/>
              </a:rPr>
              <a:t>kinetic</a:t>
            </a:r>
            <a:r>
              <a:rPr lang="de-DE" dirty="0" smtClean="0">
                <a:ea typeface="Segoe UI Symbol" panose="020B0502040204020203" pitchFamily="34" charset="0"/>
                <a:sym typeface="Wingdings" panose="05000000000000000000" pitchFamily="2" charset="2"/>
              </a:rPr>
              <a:t>/ -fluid </a:t>
            </a:r>
            <a:r>
              <a:rPr lang="de-DE" dirty="0" err="1" smtClean="0">
                <a:ea typeface="Segoe UI Symbol" panose="020B0502040204020203" pitchFamily="34" charset="0"/>
                <a:sym typeface="Wingdings" panose="05000000000000000000" pitchFamily="2" charset="2"/>
              </a:rPr>
              <a:t>model</a:t>
            </a:r>
            <a:r>
              <a:rPr lang="de-DE" dirty="0" smtClean="0">
                <a:ea typeface="Segoe UI Symbol" panose="020B0502040204020203" pitchFamily="34" charset="0"/>
                <a:sym typeface="Wingdings" panose="05000000000000000000" pitchFamily="2" charset="2"/>
              </a:rPr>
              <a:t> in </a:t>
            </a:r>
            <a:r>
              <a:rPr lang="de-DE" dirty="0" err="1" smtClean="0">
                <a:ea typeface="Segoe UI Symbol" panose="020B0502040204020203" pitchFamily="34" charset="0"/>
                <a:sym typeface="Wingdings" panose="05000000000000000000" pitchFamily="2" charset="2"/>
              </a:rPr>
              <a:t>terms</a:t>
            </a:r>
            <a:r>
              <a:rPr lang="de-DE" dirty="0" smtClean="0">
                <a:ea typeface="Segoe UI Symbol" panose="020B0502040204020203" pitchFamily="34" charset="0"/>
                <a:sym typeface="Wingdings" panose="05000000000000000000" pitchFamily="2" charset="2"/>
              </a:rPr>
              <a:t> </a:t>
            </a:r>
            <a:r>
              <a:rPr lang="de-DE" dirty="0" err="1" smtClean="0">
                <a:ea typeface="Segoe UI Symbol" panose="020B0502040204020203" pitchFamily="34" charset="0"/>
                <a:sym typeface="Wingdings" panose="05000000000000000000" pitchFamily="2" charset="2"/>
              </a:rPr>
              <a:t>of</a:t>
            </a:r>
            <a:r>
              <a:rPr lang="de-DE" dirty="0" smtClean="0">
                <a:ea typeface="Segoe UI Symbol" panose="020B0502040204020203" pitchFamily="34" charset="0"/>
                <a:sym typeface="Wingdings" panose="05000000000000000000" pitchFamily="2" charset="2"/>
              </a:rPr>
              <a:t> </a:t>
            </a:r>
            <a:r>
              <a:rPr lang="de-DE" dirty="0" err="1" smtClean="0">
                <a:ea typeface="Segoe UI Symbol" panose="020B0502040204020203" pitchFamily="34" charset="0"/>
                <a:sym typeface="Wingdings" panose="05000000000000000000" pitchFamily="2" charset="2"/>
              </a:rPr>
              <a:t>these</a:t>
            </a:r>
            <a:r>
              <a:rPr lang="de-DE" dirty="0" smtClean="0">
                <a:ea typeface="Segoe UI Symbol" panose="020B0502040204020203" pitchFamily="34" charset="0"/>
                <a:sym typeface="Wingdings" panose="05000000000000000000" pitchFamily="2" charset="2"/>
              </a:rPr>
              <a:t> </a:t>
            </a:r>
            <a:r>
              <a:rPr lang="de-DE" dirty="0" err="1" smtClean="0">
                <a:ea typeface="Segoe UI Symbol" panose="020B0502040204020203" pitchFamily="34" charset="0"/>
                <a:sym typeface="Wingdings" panose="05000000000000000000" pitchFamily="2" charset="2"/>
              </a:rPr>
              <a:t>moments</a:t>
            </a:r>
            <a:r>
              <a:rPr lang="de-DE" dirty="0" smtClean="0">
                <a:ea typeface="Segoe UI Symbol" panose="020B0502040204020203" pitchFamily="34" charset="0"/>
                <a:sym typeface="Wingdings" panose="05000000000000000000" pitchFamily="2" charset="2"/>
              </a:rPr>
              <a:t> </a:t>
            </a:r>
            <a:endParaRPr lang="en-GB" dirty="0">
              <a:ea typeface="Segoe UI Symbol" panose="020B0502040204020203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9981" r="6872"/>
          <a:stretch/>
        </p:blipFill>
        <p:spPr>
          <a:xfrm>
            <a:off x="185696" y="1556792"/>
            <a:ext cx="10734046" cy="1714259"/>
          </a:xfrm>
          <a:prstGeom prst="rect">
            <a:avLst/>
          </a:prstGeom>
        </p:spPr>
      </p:pic>
      <p:sp>
        <p:nvSpPr>
          <p:cNvPr id="6" name="Rectangle 5"/>
          <p:cNvSpPr/>
          <p:nvPr/>
        </p:nvSpPr>
        <p:spPr>
          <a:xfrm>
            <a:off x="6248911" y="5268217"/>
            <a:ext cx="5688632" cy="160043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400" dirty="0" smtClean="0">
                <a:solidFill>
                  <a:srgbClr val="000000"/>
                </a:solidFill>
                <a:latin typeface="+mn-lt"/>
              </a:rPr>
              <a:t>[1] Meier E.T. and </a:t>
            </a:r>
            <a:r>
              <a:rPr lang="en-GB" sz="1400" dirty="0" err="1" smtClean="0">
                <a:solidFill>
                  <a:srgbClr val="000000"/>
                </a:solidFill>
                <a:latin typeface="+mn-lt"/>
              </a:rPr>
              <a:t>Shumlak</a:t>
            </a:r>
            <a:r>
              <a:rPr lang="en-GB" sz="1400" dirty="0" smtClean="0">
                <a:solidFill>
                  <a:srgbClr val="000000"/>
                </a:solidFill>
                <a:latin typeface="+mn-lt"/>
              </a:rPr>
              <a:t> U., Phys</a:t>
            </a:r>
            <a:r>
              <a:rPr lang="en-GB" sz="1400" dirty="0">
                <a:solidFill>
                  <a:srgbClr val="000000"/>
                </a:solidFill>
                <a:latin typeface="+mn-lt"/>
              </a:rPr>
              <a:t>. Plasmas </a:t>
            </a:r>
            <a:r>
              <a:rPr lang="en-GB" sz="1400" b="1" dirty="0">
                <a:solidFill>
                  <a:srgbClr val="000000"/>
                </a:solidFill>
                <a:latin typeface="+mn-lt"/>
              </a:rPr>
              <a:t>19</a:t>
            </a:r>
            <a:r>
              <a:rPr lang="en-GB" sz="1400" dirty="0">
                <a:solidFill>
                  <a:srgbClr val="000000"/>
                </a:solidFill>
                <a:latin typeface="+mn-lt"/>
              </a:rPr>
              <a:t>, 072508 (2012); </a:t>
            </a:r>
            <a:r>
              <a:rPr lang="en-GB" sz="1400" dirty="0">
                <a:solidFill>
                  <a:srgbClr val="00AFF0"/>
                </a:solidFill>
                <a:latin typeface="+mn-lt"/>
                <a:hlinkClick r:id="rId3"/>
              </a:rPr>
              <a:t>https://</a:t>
            </a:r>
            <a:r>
              <a:rPr lang="en-GB" sz="1400" dirty="0" smtClean="0">
                <a:solidFill>
                  <a:srgbClr val="00AFF0"/>
                </a:solidFill>
                <a:latin typeface="+mn-lt"/>
                <a:hlinkClick r:id="rId3"/>
              </a:rPr>
              <a:t>doi.org/10.1063/1.4736975</a:t>
            </a:r>
            <a:r>
              <a:rPr lang="en-GB" sz="1400" dirty="0" smtClean="0">
                <a:solidFill>
                  <a:srgbClr val="00AFF0"/>
                </a:solidFill>
                <a:latin typeface="+mn-lt"/>
              </a:rPr>
              <a:t/>
            </a:r>
            <a:br>
              <a:rPr lang="en-GB" sz="1400" dirty="0" smtClean="0">
                <a:solidFill>
                  <a:srgbClr val="00AFF0"/>
                </a:solidFill>
                <a:latin typeface="+mn-lt"/>
              </a:rPr>
            </a:br>
            <a:r>
              <a:rPr lang="en-GB" sz="1400" dirty="0" smtClean="0">
                <a:latin typeface="+mn-lt"/>
              </a:rPr>
              <a:t>[2] A. S. Thrysøe, et al. Phys</a:t>
            </a:r>
            <a:r>
              <a:rPr lang="en-GB" sz="1400" dirty="0">
                <a:latin typeface="+mn-lt"/>
              </a:rPr>
              <a:t>. Plasmas </a:t>
            </a:r>
            <a:r>
              <a:rPr lang="en-GB" sz="1400" b="1" dirty="0">
                <a:latin typeface="+mn-lt"/>
              </a:rPr>
              <a:t>25</a:t>
            </a:r>
            <a:r>
              <a:rPr lang="en-GB" sz="1400" dirty="0">
                <a:latin typeface="+mn-lt"/>
              </a:rPr>
              <a:t>, 032307 (2018); </a:t>
            </a:r>
            <a:r>
              <a:rPr lang="en-GB" sz="1400" dirty="0">
                <a:latin typeface="+mn-lt"/>
                <a:hlinkClick r:id="rId4"/>
              </a:rPr>
              <a:t>https://</a:t>
            </a:r>
            <a:r>
              <a:rPr lang="en-GB" sz="1400" dirty="0" smtClean="0">
                <a:latin typeface="+mn-lt"/>
                <a:hlinkClick r:id="rId4"/>
              </a:rPr>
              <a:t>doi.org/10.1063/1.5019662</a:t>
            </a:r>
            <a:endParaRPr lang="en-GB" sz="1400" dirty="0" smtClean="0">
              <a:latin typeface="+mn-lt"/>
            </a:endParaRPr>
          </a:p>
          <a:p>
            <a:endParaRPr lang="en-GB" sz="1400" dirty="0" smtClean="0">
              <a:latin typeface="+mn-lt"/>
            </a:endParaRPr>
          </a:p>
          <a:p>
            <a:endParaRPr lang="en-GB" sz="1400" dirty="0">
              <a:latin typeface="+mn-lt"/>
            </a:endParaRPr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5829" r="85927" b="69111"/>
          <a:stretch/>
        </p:blipFill>
        <p:spPr>
          <a:xfrm>
            <a:off x="8687495" y="3546751"/>
            <a:ext cx="2016224" cy="4583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4559993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74726" y="407654"/>
            <a:ext cx="9312374" cy="972716"/>
          </a:xfrm>
        </p:spPr>
        <p:txBody>
          <a:bodyPr/>
          <a:lstStyle/>
          <a:p>
            <a:r>
              <a:rPr lang="de-DE" dirty="0" smtClean="0"/>
              <a:t>Gyro-</a:t>
            </a:r>
            <a:r>
              <a:rPr lang="de-DE" dirty="0" err="1" smtClean="0"/>
              <a:t>kinetics</a:t>
            </a:r>
            <a:r>
              <a:rPr lang="de-DE" dirty="0" smtClean="0"/>
              <a:t> = </a:t>
            </a:r>
            <a:r>
              <a:rPr lang="de-DE" dirty="0" err="1" smtClean="0"/>
              <a:t>coordinate</a:t>
            </a:r>
            <a:r>
              <a:rPr lang="de-DE" dirty="0" smtClean="0"/>
              <a:t> </a:t>
            </a:r>
            <a:r>
              <a:rPr lang="de-DE" dirty="0" err="1" smtClean="0"/>
              <a:t>transformatio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390353" y="1730953"/>
            <a:ext cx="10081120" cy="2021532"/>
          </a:xfrm>
        </p:spPr>
        <p:txBody>
          <a:bodyPr/>
          <a:lstStyle/>
          <a:p>
            <a:pPr marL="0" indent="0">
              <a:buNone/>
            </a:pPr>
            <a:r>
              <a:rPr lang="de-DE" sz="2000" dirty="0" smtClean="0"/>
              <a:t>„ A </a:t>
            </a:r>
            <a:r>
              <a:rPr lang="de-DE" sz="2000" dirty="0" err="1" smtClean="0"/>
              <a:t>coodinate</a:t>
            </a:r>
            <a:r>
              <a:rPr lang="de-DE" sz="2000" dirty="0" smtClean="0"/>
              <a:t> </a:t>
            </a:r>
            <a:r>
              <a:rPr lang="de-DE" sz="2000" dirty="0" err="1" smtClean="0"/>
              <a:t>transformation</a:t>
            </a:r>
            <a:r>
              <a:rPr lang="de-DE" sz="2000" dirty="0" smtClean="0"/>
              <a:t> </a:t>
            </a:r>
            <a:r>
              <a:rPr lang="de-DE" sz="2000" dirty="0" err="1" smtClean="0"/>
              <a:t>along</a:t>
            </a:r>
            <a:r>
              <a:rPr lang="de-DE" sz="2000" dirty="0" smtClean="0"/>
              <a:t> </a:t>
            </a:r>
            <a:r>
              <a:rPr lang="de-DE" sz="2000" dirty="0" err="1" smtClean="0"/>
              <a:t>the</a:t>
            </a:r>
            <a:r>
              <a:rPr lang="de-DE" sz="2000" dirty="0" smtClean="0"/>
              <a:t> </a:t>
            </a:r>
            <a:r>
              <a:rPr lang="de-DE" sz="2000" dirty="0" err="1" smtClean="0"/>
              <a:t>streamlines</a:t>
            </a:r>
            <a:r>
              <a:rPr lang="de-DE" sz="2000" dirty="0" smtClean="0"/>
              <a:t> </a:t>
            </a:r>
            <a:r>
              <a:rPr lang="de-DE" sz="2000" dirty="0" err="1" smtClean="0"/>
              <a:t>of</a:t>
            </a:r>
            <a:r>
              <a:rPr lang="de-DE" sz="2000" dirty="0" smtClean="0"/>
              <a:t> a </a:t>
            </a:r>
            <a:r>
              <a:rPr lang="de-DE" sz="2000" dirty="0" err="1" smtClean="0"/>
              <a:t>vector</a:t>
            </a:r>
            <a:r>
              <a:rPr lang="de-DE" sz="2000" dirty="0" smtClean="0"/>
              <a:t> </a:t>
            </a:r>
            <a:r>
              <a:rPr lang="de-DE" sz="2000" dirty="0" err="1" smtClean="0"/>
              <a:t>field</a:t>
            </a:r>
            <a:r>
              <a:rPr lang="de-DE" sz="2000" dirty="0" smtClean="0"/>
              <a:t> in </a:t>
            </a:r>
            <a:r>
              <a:rPr lang="de-DE" sz="2000" dirty="0" err="1" smtClean="0"/>
              <a:t>phase</a:t>
            </a:r>
            <a:r>
              <a:rPr lang="de-DE" sz="2000" dirty="0" smtClean="0"/>
              <a:t> </a:t>
            </a:r>
            <a:r>
              <a:rPr lang="de-DE" sz="2000" dirty="0" err="1" smtClean="0"/>
              <a:t>space</a:t>
            </a:r>
            <a:r>
              <a:rPr lang="de-DE" sz="2000" dirty="0" smtClean="0"/>
              <a:t>“</a:t>
            </a:r>
          </a:p>
          <a:p>
            <a:pPr marL="0" indent="0">
              <a:buNone/>
            </a:pPr>
            <a:endParaRPr lang="de-DE" sz="2000" dirty="0" smtClean="0"/>
          </a:p>
          <a:p>
            <a:pPr marL="0" indent="0">
              <a:buNone/>
            </a:pPr>
            <a:endParaRPr lang="de-DE" sz="2000" dirty="0"/>
          </a:p>
          <a:p>
            <a:pPr marL="0" indent="0">
              <a:buNone/>
            </a:pPr>
            <a:endParaRPr lang="de-DE" sz="2000" dirty="0"/>
          </a:p>
          <a:p>
            <a:pPr marL="0" indent="0">
              <a:buNone/>
            </a:pPr>
            <a:r>
              <a:rPr lang="de-DE" sz="2000" dirty="0" smtClean="0"/>
              <a:t>All </a:t>
            </a:r>
            <a:r>
              <a:rPr lang="de-DE" sz="2000" dirty="0" err="1" smtClean="0"/>
              <a:t>objects</a:t>
            </a:r>
            <a:r>
              <a:rPr lang="de-DE" sz="2000" dirty="0" smtClean="0"/>
              <a:t> on </a:t>
            </a:r>
            <a:r>
              <a:rPr lang="de-DE" sz="2000" dirty="0" err="1" smtClean="0"/>
              <a:t>phase</a:t>
            </a:r>
            <a:r>
              <a:rPr lang="de-DE" sz="2000" dirty="0" smtClean="0"/>
              <a:t> </a:t>
            </a:r>
            <a:r>
              <a:rPr lang="de-DE" sz="2000" dirty="0" err="1" smtClean="0"/>
              <a:t>space</a:t>
            </a:r>
            <a:r>
              <a:rPr lang="de-DE" sz="2000" dirty="0" smtClean="0"/>
              <a:t> </a:t>
            </a:r>
            <a:r>
              <a:rPr lang="de-DE" sz="2000" dirty="0" err="1" smtClean="0"/>
              <a:t>are</a:t>
            </a:r>
            <a:r>
              <a:rPr lang="de-DE" sz="2000" dirty="0" smtClean="0"/>
              <a:t> </a:t>
            </a:r>
            <a:r>
              <a:rPr lang="de-DE" sz="2000" dirty="0" err="1" smtClean="0"/>
              <a:t>transformed</a:t>
            </a:r>
            <a:r>
              <a:rPr lang="de-DE" sz="2000" dirty="0" smtClean="0"/>
              <a:t> </a:t>
            </a:r>
            <a:r>
              <a:rPr lang="de-DE" sz="2000" b="1" dirty="0" err="1" smtClean="0"/>
              <a:t>including</a:t>
            </a:r>
            <a:r>
              <a:rPr lang="de-DE" sz="2000" b="1" dirty="0" smtClean="0"/>
              <a:t> </a:t>
            </a:r>
            <a:r>
              <a:rPr lang="de-DE" sz="2000" b="1" dirty="0" err="1" smtClean="0"/>
              <a:t>sources</a:t>
            </a:r>
            <a:r>
              <a:rPr lang="de-DE" sz="2000" dirty="0"/>
              <a:t> </a:t>
            </a:r>
            <a:r>
              <a:rPr lang="de-DE" sz="2000" dirty="0" smtClean="0"/>
              <a:t>e.g. in LWL:</a:t>
            </a:r>
            <a:endParaRPr lang="de-DE" sz="2000" b="1" dirty="0"/>
          </a:p>
          <a:p>
            <a:pPr marL="0" indent="0">
              <a:buNone/>
            </a:pPr>
            <a:endParaRPr lang="de-DE" dirty="0" smtClean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990750" y="2204864"/>
            <a:ext cx="8041172" cy="864096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86694" y="4832264"/>
            <a:ext cx="6555049" cy="1045008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48950"/>
          <a:stretch/>
        </p:blipFill>
        <p:spPr>
          <a:xfrm>
            <a:off x="1414686" y="3880682"/>
            <a:ext cx="6410276" cy="993518"/>
          </a:xfrm>
          <a:prstGeom prst="rect">
            <a:avLst/>
          </a:prstGeom>
        </p:spPr>
      </p:pic>
      <p:sp>
        <p:nvSpPr>
          <p:cNvPr id="10" name="TextBox 9"/>
          <p:cNvSpPr txBox="1"/>
          <p:nvPr/>
        </p:nvSpPr>
        <p:spPr>
          <a:xfrm>
            <a:off x="8330719" y="4184953"/>
            <a:ext cx="2234586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000" dirty="0" smtClean="0">
                <a:latin typeface="+mn-lt"/>
              </a:rPr>
              <a:t>Gyro-</a:t>
            </a:r>
            <a:r>
              <a:rPr lang="de-DE" sz="2000" dirty="0" err="1" smtClean="0">
                <a:latin typeface="+mn-lt"/>
              </a:rPr>
              <a:t>centre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density</a:t>
            </a:r>
            <a:endParaRPr lang="en-GB" sz="2000" dirty="0" err="1" smtClean="0">
              <a:latin typeface="+mn-lt"/>
            </a:endParaRPr>
          </a:p>
        </p:txBody>
      </p:sp>
      <p:sp>
        <p:nvSpPr>
          <p:cNvPr id="11" name="TextBox 10"/>
          <p:cNvSpPr txBox="1"/>
          <p:nvPr/>
        </p:nvSpPr>
        <p:spPr>
          <a:xfrm>
            <a:off x="8352359" y="5200879"/>
            <a:ext cx="2191306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000" dirty="0" smtClean="0">
                <a:latin typeface="+mn-lt"/>
              </a:rPr>
              <a:t>Gyro-</a:t>
            </a:r>
            <a:r>
              <a:rPr lang="de-DE" sz="2000" dirty="0" err="1" smtClean="0">
                <a:latin typeface="+mn-lt"/>
              </a:rPr>
              <a:t>centre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source</a:t>
            </a:r>
            <a:endParaRPr lang="en-GB" sz="2000" dirty="0" err="1" smtClean="0">
              <a:latin typeface="+mn-lt"/>
            </a:endParaRPr>
          </a:p>
        </p:txBody>
      </p:sp>
      <p:sp>
        <p:nvSpPr>
          <p:cNvPr id="12" name="Rectangle 11"/>
          <p:cNvSpPr/>
          <p:nvPr/>
        </p:nvSpPr>
        <p:spPr>
          <a:xfrm>
            <a:off x="2226078" y="5877272"/>
            <a:ext cx="7459093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e-DE" sz="2000" dirty="0">
                <a:latin typeface="+mn-lt"/>
              </a:rPr>
              <a:t>gyro-</a:t>
            </a:r>
            <a:r>
              <a:rPr lang="de-DE" sz="2000" dirty="0" err="1">
                <a:latin typeface="+mn-lt"/>
              </a:rPr>
              <a:t>centres</a:t>
            </a:r>
            <a:r>
              <a:rPr lang="de-DE" sz="2000" dirty="0">
                <a:latin typeface="+mn-lt"/>
              </a:rPr>
              <a:t> </a:t>
            </a:r>
            <a:r>
              <a:rPr lang="de-DE" sz="2000" dirty="0" err="1">
                <a:latin typeface="+mn-lt"/>
              </a:rPr>
              <a:t>and</a:t>
            </a:r>
            <a:r>
              <a:rPr lang="de-DE" sz="2000" dirty="0">
                <a:latin typeface="+mn-lt"/>
              </a:rPr>
              <a:t> </a:t>
            </a:r>
            <a:r>
              <a:rPr lang="de-DE" sz="2000" dirty="0" err="1">
                <a:latin typeface="+mn-lt"/>
              </a:rPr>
              <a:t>particles</a:t>
            </a:r>
            <a:r>
              <a:rPr lang="de-DE" sz="2000" dirty="0">
                <a:latin typeface="+mn-lt"/>
              </a:rPr>
              <a:t> </a:t>
            </a:r>
            <a:r>
              <a:rPr lang="de-DE" sz="2000" dirty="0" err="1">
                <a:latin typeface="+mn-lt"/>
              </a:rPr>
              <a:t>are</a:t>
            </a:r>
            <a:r>
              <a:rPr lang="de-DE" sz="2000" dirty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generated</a:t>
            </a:r>
            <a:r>
              <a:rPr lang="de-DE" sz="2000" dirty="0" smtClean="0">
                <a:latin typeface="+mn-lt"/>
              </a:rPr>
              <a:t> at </a:t>
            </a:r>
            <a:r>
              <a:rPr lang="de-DE" sz="2000" b="1" dirty="0">
                <a:latin typeface="+mn-lt"/>
              </a:rPr>
              <a:t>different </a:t>
            </a:r>
            <a:r>
              <a:rPr lang="de-DE" sz="2000" b="1" dirty="0" err="1">
                <a:latin typeface="+mn-lt"/>
              </a:rPr>
              <a:t>posisitons</a:t>
            </a:r>
            <a:endParaRPr lang="en-GB" sz="20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9536022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Derive</a:t>
            </a:r>
            <a:r>
              <a:rPr lang="de-DE" dirty="0" smtClean="0"/>
              <a:t> </a:t>
            </a:r>
            <a:r>
              <a:rPr lang="de-DE" dirty="0" err="1" smtClean="0"/>
              <a:t>quasineutrality</a:t>
            </a:r>
            <a:r>
              <a:rPr lang="de-DE" dirty="0" smtClean="0"/>
              <a:t> in time in </a:t>
            </a:r>
            <a:r>
              <a:rPr lang="de-DE" dirty="0" err="1" smtClean="0"/>
              <a:t>long</a:t>
            </a:r>
            <a:r>
              <a:rPr lang="de-DE" dirty="0" smtClean="0"/>
              <a:t> </a:t>
            </a:r>
            <a:r>
              <a:rPr lang="de-DE" dirty="0" err="1" smtClean="0"/>
              <a:t>wavelength</a:t>
            </a:r>
            <a:r>
              <a:rPr lang="de-DE" dirty="0" smtClean="0"/>
              <a:t>:</a:t>
            </a:r>
            <a:endParaRPr lang="en-GB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6654" y="3429000"/>
            <a:ext cx="6312037" cy="2227174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34766" y="1638591"/>
            <a:ext cx="6048672" cy="1411718"/>
          </a:xfrm>
          <a:prstGeom prst="rect">
            <a:avLst/>
          </a:prstGeom>
        </p:spPr>
      </p:pic>
      <p:sp>
        <p:nvSpPr>
          <p:cNvPr id="7" name="TextBox 6"/>
          <p:cNvSpPr txBox="1"/>
          <p:nvPr/>
        </p:nvSpPr>
        <p:spPr>
          <a:xfrm>
            <a:off x="1630710" y="3059968"/>
            <a:ext cx="8085547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000" dirty="0" err="1" smtClean="0">
                <a:latin typeface="+mn-lt"/>
              </a:rPr>
              <a:t>Assume</a:t>
            </a:r>
            <a:r>
              <a:rPr lang="de-DE" sz="2000" dirty="0" smtClean="0">
                <a:latin typeface="+mn-lt"/>
              </a:rPr>
              <a:t>: </a:t>
            </a:r>
            <a:r>
              <a:rPr lang="de-DE" sz="2000" dirty="0" err="1" smtClean="0">
                <a:latin typeface="+mn-lt"/>
              </a:rPr>
              <a:t>the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sources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are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b="1" dirty="0" smtClean="0">
                <a:latin typeface="+mn-lt"/>
              </a:rPr>
              <a:t>quasineutral </a:t>
            </a:r>
            <a:r>
              <a:rPr lang="de-DE" sz="2000" b="1" dirty="0" err="1" smtClean="0">
                <a:latin typeface="+mn-lt"/>
              </a:rPr>
              <a:t>too</a:t>
            </a:r>
            <a:r>
              <a:rPr lang="de-DE" sz="2000" dirty="0" smtClean="0">
                <a:latin typeface="+mn-lt"/>
              </a:rPr>
              <a:t>, </a:t>
            </a:r>
            <a:r>
              <a:rPr lang="de-DE" sz="2000" dirty="0" err="1" smtClean="0">
                <a:latin typeface="+mn-lt"/>
              </a:rPr>
              <a:t>no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net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charge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is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generated</a:t>
            </a:r>
            <a:endParaRPr lang="en-GB" sz="2000" dirty="0" err="1" smtClean="0">
              <a:latin typeface="+mn-lt"/>
            </a:endParaRPr>
          </a:p>
        </p:txBody>
      </p:sp>
      <p:sp>
        <p:nvSpPr>
          <p:cNvPr id="8" name="TextBox 7"/>
          <p:cNvSpPr txBox="1"/>
          <p:nvPr/>
        </p:nvSpPr>
        <p:spPr>
          <a:xfrm>
            <a:off x="1426357" y="5683428"/>
            <a:ext cx="10009112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000" dirty="0" err="1" smtClean="0">
                <a:latin typeface="+mn-lt"/>
              </a:rPr>
              <a:t>Polarization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source</a:t>
            </a:r>
            <a:endParaRPr lang="en-GB" sz="2000" dirty="0" err="1" smtClean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5670282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702718" y="992898"/>
            <a:ext cx="9312374" cy="972716"/>
          </a:xfrm>
        </p:spPr>
        <p:txBody>
          <a:bodyPr/>
          <a:lstStyle/>
          <a:p>
            <a:r>
              <a:rPr lang="de-DE" dirty="0" err="1" smtClean="0"/>
              <a:t>Density</a:t>
            </a:r>
            <a:r>
              <a:rPr lang="de-DE" dirty="0" smtClean="0"/>
              <a:t> </a:t>
            </a:r>
            <a:r>
              <a:rPr lang="de-DE" dirty="0" err="1" smtClean="0"/>
              <a:t>and</a:t>
            </a:r>
            <a:r>
              <a:rPr lang="de-DE" dirty="0" smtClean="0"/>
              <a:t> </a:t>
            </a:r>
            <a:r>
              <a:rPr lang="de-DE" dirty="0" err="1" smtClean="0"/>
              <a:t>pressure</a:t>
            </a:r>
            <a:r>
              <a:rPr lang="de-DE" dirty="0" smtClean="0"/>
              <a:t> </a:t>
            </a:r>
            <a:r>
              <a:rPr lang="de-DE" dirty="0" err="1" smtClean="0"/>
              <a:t>sources</a:t>
            </a:r>
            <a:r>
              <a:rPr lang="de-DE" dirty="0" smtClean="0"/>
              <a:t> </a:t>
            </a:r>
            <a:r>
              <a:rPr lang="de-DE" dirty="0" err="1" smtClean="0"/>
              <a:t>generate</a:t>
            </a:r>
            <a:r>
              <a:rPr lang="de-DE" dirty="0" smtClean="0"/>
              <a:t> </a:t>
            </a:r>
            <a:r>
              <a:rPr lang="de-DE" dirty="0" err="1" smtClean="0"/>
              <a:t>vorticity</a:t>
            </a:r>
            <a:r>
              <a:rPr lang="de-DE" dirty="0" smtClean="0"/>
              <a:t>…</a:t>
            </a:r>
            <a:endParaRPr lang="en-GB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7740" y="2332331"/>
            <a:ext cx="10828710" cy="2016224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6" name="Rectangle 5"/>
          <p:cNvSpPr/>
          <p:nvPr/>
        </p:nvSpPr>
        <p:spPr>
          <a:xfrm>
            <a:off x="7228406" y="3717032"/>
            <a:ext cx="4248472" cy="83099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e-DE" dirty="0">
                <a:latin typeface="Arial" panose="020B0604020202020204" pitchFamily="34" charset="0"/>
              </a:rPr>
              <a:t>R. </a:t>
            </a:r>
            <a:r>
              <a:rPr lang="de-DE" dirty="0" smtClean="0">
                <a:latin typeface="Arial" panose="020B0604020202020204" pitchFamily="34" charset="0"/>
              </a:rPr>
              <a:t>Gerru, </a:t>
            </a:r>
            <a:r>
              <a:rPr lang="de-DE" dirty="0">
                <a:latin typeface="Arial" panose="020B0604020202020204" pitchFamily="34" charset="0"/>
              </a:rPr>
              <a:t>M. </a:t>
            </a:r>
            <a:r>
              <a:rPr lang="de-DE" dirty="0" smtClean="0">
                <a:latin typeface="Arial" panose="020B0604020202020204" pitchFamily="34" charset="0"/>
              </a:rPr>
              <a:t>Wiesenberger, </a:t>
            </a:r>
            <a:r>
              <a:rPr lang="de-DE" dirty="0">
                <a:latin typeface="Arial" panose="020B0604020202020204" pitchFamily="34" charset="0"/>
              </a:rPr>
              <a:t>A. H. </a:t>
            </a:r>
            <a:r>
              <a:rPr lang="de-DE" dirty="0" smtClean="0">
                <a:latin typeface="Arial" panose="020B0604020202020204" pitchFamily="34" charset="0"/>
              </a:rPr>
              <a:t>Nielsen, </a:t>
            </a:r>
            <a:r>
              <a:rPr lang="de-DE" dirty="0">
                <a:latin typeface="Arial" panose="020B0604020202020204" pitchFamily="34" charset="0"/>
              </a:rPr>
              <a:t>V. </a:t>
            </a:r>
            <a:r>
              <a:rPr lang="de-DE" dirty="0" smtClean="0">
                <a:latin typeface="Arial" panose="020B0604020202020204" pitchFamily="34" charset="0"/>
              </a:rPr>
              <a:t>Naulin, J</a:t>
            </a:r>
            <a:r>
              <a:rPr lang="de-DE" dirty="0">
                <a:latin typeface="Arial" panose="020B0604020202020204" pitchFamily="34" charset="0"/>
              </a:rPr>
              <a:t>. Juul </a:t>
            </a:r>
            <a:r>
              <a:rPr lang="de-DE" dirty="0" smtClean="0">
                <a:latin typeface="Arial" panose="020B0604020202020204" pitchFamily="34" charset="0"/>
              </a:rPr>
              <a:t>Rasmussen </a:t>
            </a:r>
            <a:r>
              <a:rPr lang="de-DE" dirty="0" err="1" smtClean="0">
                <a:latin typeface="Arial" panose="020B0604020202020204" pitchFamily="34" charset="0"/>
              </a:rPr>
              <a:t>and</a:t>
            </a:r>
            <a:r>
              <a:rPr lang="de-DE" dirty="0" smtClean="0">
                <a:latin typeface="Arial" panose="020B0604020202020204" pitchFamily="34" charset="0"/>
              </a:rPr>
              <a:t> </a:t>
            </a:r>
            <a:r>
              <a:rPr lang="de-DE" dirty="0">
                <a:latin typeface="Arial" panose="020B0604020202020204" pitchFamily="34" charset="0"/>
              </a:rPr>
              <a:t>M. </a:t>
            </a:r>
            <a:r>
              <a:rPr lang="de-DE" dirty="0" smtClean="0">
                <a:latin typeface="Arial" panose="020B0604020202020204" pitchFamily="34" charset="0"/>
              </a:rPr>
              <a:t>Held, </a:t>
            </a:r>
            <a:br>
              <a:rPr lang="de-DE" dirty="0" smtClean="0">
                <a:latin typeface="Arial" panose="020B0604020202020204" pitchFamily="34" charset="0"/>
              </a:rPr>
            </a:br>
            <a:r>
              <a:rPr lang="de-DE" i="1" dirty="0" err="1" smtClean="0">
                <a:latin typeface="Arial" panose="020B0604020202020204" pitchFamily="34" charset="0"/>
              </a:rPr>
              <a:t>To</a:t>
            </a:r>
            <a:r>
              <a:rPr lang="de-DE" i="1" dirty="0" smtClean="0">
                <a:latin typeface="Arial" panose="020B0604020202020204" pitchFamily="34" charset="0"/>
              </a:rPr>
              <a:t> </a:t>
            </a:r>
            <a:r>
              <a:rPr lang="de-DE" i="1" dirty="0" err="1" smtClean="0">
                <a:latin typeface="Arial" panose="020B0604020202020204" pitchFamily="34" charset="0"/>
              </a:rPr>
              <a:t>be</a:t>
            </a:r>
            <a:r>
              <a:rPr lang="de-DE" i="1" dirty="0" smtClean="0">
                <a:latin typeface="Arial" panose="020B0604020202020204" pitchFamily="34" charset="0"/>
              </a:rPr>
              <a:t> </a:t>
            </a:r>
            <a:r>
              <a:rPr lang="de-DE" i="1" dirty="0" err="1" smtClean="0">
                <a:latin typeface="Arial" panose="020B0604020202020204" pitchFamily="34" charset="0"/>
              </a:rPr>
              <a:t>published</a:t>
            </a:r>
            <a:r>
              <a:rPr lang="de-DE" i="1" dirty="0" smtClean="0">
                <a:latin typeface="Arial" panose="020B0604020202020204" pitchFamily="34" charset="0"/>
              </a:rPr>
              <a:t> </a:t>
            </a:r>
            <a:r>
              <a:rPr lang="de-DE" dirty="0" err="1" smtClean="0">
                <a:latin typeface="Arial" panose="020B0604020202020204" pitchFamily="34" charset="0"/>
              </a:rPr>
              <a:t>Nucl</a:t>
            </a:r>
            <a:r>
              <a:rPr lang="de-DE" dirty="0" smtClean="0">
                <a:latin typeface="Arial" panose="020B0604020202020204" pitchFamily="34" charset="0"/>
              </a:rPr>
              <a:t>. Fusion (2021)</a:t>
            </a:r>
            <a:endParaRPr lang="en-GB" dirty="0"/>
          </a:p>
        </p:txBody>
      </p:sp>
      <p:sp>
        <p:nvSpPr>
          <p:cNvPr id="12" name="Rectangle 11"/>
          <p:cNvSpPr/>
          <p:nvPr/>
        </p:nvSpPr>
        <p:spPr>
          <a:xfrm>
            <a:off x="1412823" y="5589240"/>
            <a:ext cx="8512459" cy="4001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2000" dirty="0" smtClean="0">
                <a:latin typeface="+mn-lt"/>
              </a:rPr>
              <a:t>( Density, pressure and parallel </a:t>
            </a:r>
            <a:r>
              <a:rPr lang="en-US" sz="2000" dirty="0">
                <a:latin typeface="+mn-lt"/>
              </a:rPr>
              <a:t>momentum </a:t>
            </a:r>
            <a:r>
              <a:rPr lang="en-US" sz="2000" dirty="0" smtClean="0">
                <a:latin typeface="+mn-lt"/>
              </a:rPr>
              <a:t>equations look </a:t>
            </a:r>
            <a:r>
              <a:rPr lang="en-US" sz="2000" dirty="0">
                <a:latin typeface="+mn-lt"/>
              </a:rPr>
              <a:t>like </a:t>
            </a:r>
            <a:r>
              <a:rPr lang="en-US" sz="2000" dirty="0" smtClean="0">
                <a:latin typeface="+mn-lt"/>
              </a:rPr>
              <a:t>expected) </a:t>
            </a:r>
            <a:endParaRPr lang="en-US" sz="2000" dirty="0">
              <a:latin typeface="+mn-lt"/>
            </a:endParaRPr>
          </a:p>
        </p:txBody>
      </p:sp>
      <p:sp>
        <p:nvSpPr>
          <p:cNvPr id="13" name="TextBox 12"/>
          <p:cNvSpPr txBox="1"/>
          <p:nvPr/>
        </p:nvSpPr>
        <p:spPr>
          <a:xfrm>
            <a:off x="1414686" y="4548029"/>
            <a:ext cx="3428824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000" b="1" dirty="0" smtClean="0">
                <a:latin typeface="+mn-lt"/>
              </a:rPr>
              <a:t>Gyro-fluid </a:t>
            </a:r>
            <a:r>
              <a:rPr lang="de-DE" sz="2000" b="1" dirty="0" err="1" smtClean="0">
                <a:latin typeface="+mn-lt"/>
              </a:rPr>
              <a:t>vorticity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equation</a:t>
            </a:r>
            <a:endParaRPr lang="en-GB" sz="2000" b="1" dirty="0" err="1" smtClean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63415537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229521" y="968450"/>
            <a:ext cx="9312374" cy="972716"/>
          </a:xfrm>
        </p:spPr>
        <p:txBody>
          <a:bodyPr/>
          <a:lstStyle/>
          <a:p>
            <a:r>
              <a:rPr lang="de-DE" dirty="0" smtClean="0"/>
              <a:t>… </a:t>
            </a:r>
            <a:r>
              <a:rPr lang="de-DE" dirty="0" err="1" smtClean="0"/>
              <a:t>or</a:t>
            </a:r>
            <a:r>
              <a:rPr lang="de-DE" dirty="0" smtClean="0"/>
              <a:t> angular </a:t>
            </a:r>
            <a:r>
              <a:rPr lang="de-DE" dirty="0" err="1" smtClean="0"/>
              <a:t>momentum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0696" y="2204864"/>
            <a:ext cx="9502928" cy="1209257"/>
          </a:xfrm>
          <a:prstGeom prst="rect">
            <a:avLst/>
          </a:prstGeom>
        </p:spPr>
      </p:pic>
      <p:sp>
        <p:nvSpPr>
          <p:cNvPr id="6" name="Rectangle 5"/>
          <p:cNvSpPr/>
          <p:nvPr/>
        </p:nvSpPr>
        <p:spPr>
          <a:xfrm>
            <a:off x="5652160" y="4589716"/>
            <a:ext cx="3990195" cy="553998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e-DE" sz="3000" b="1" dirty="0" smtClean="0">
                <a:latin typeface="+mj-lt"/>
              </a:rPr>
              <a:t>… </a:t>
            </a:r>
            <a:r>
              <a:rPr lang="de-DE" sz="3000" b="1" dirty="0" err="1" smtClean="0">
                <a:latin typeface="+mj-lt"/>
              </a:rPr>
              <a:t>or</a:t>
            </a:r>
            <a:r>
              <a:rPr lang="de-DE" sz="3000" b="1" dirty="0" smtClean="0">
                <a:latin typeface="+mj-lt"/>
              </a:rPr>
              <a:t> </a:t>
            </a:r>
            <a:r>
              <a:rPr lang="de-DE" sz="3000" b="1" dirty="0" err="1" smtClean="0">
                <a:latin typeface="+mj-lt"/>
              </a:rPr>
              <a:t>kinetic</a:t>
            </a:r>
            <a:r>
              <a:rPr lang="de-DE" sz="3000" b="1" dirty="0" smtClean="0">
                <a:latin typeface="+mj-lt"/>
              </a:rPr>
              <a:t> </a:t>
            </a:r>
            <a:r>
              <a:rPr lang="de-DE" sz="3000" b="1" dirty="0" err="1" smtClean="0">
                <a:latin typeface="+mj-lt"/>
              </a:rPr>
              <a:t>energy</a:t>
            </a:r>
            <a:r>
              <a:rPr lang="de-DE" sz="3000" b="1" dirty="0" smtClean="0">
                <a:latin typeface="+mj-lt"/>
              </a:rPr>
              <a:t> !</a:t>
            </a:r>
            <a:endParaRPr lang="en-GB" sz="3000" b="1" dirty="0">
              <a:latin typeface="+mj-lt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7939808" y="1606608"/>
            <a:ext cx="246381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dirty="0" err="1" smtClean="0">
                <a:latin typeface="+mn-lt"/>
              </a:rPr>
              <a:t>Under</a:t>
            </a:r>
            <a:r>
              <a:rPr lang="de-DE" dirty="0" smtClean="0">
                <a:latin typeface="+mn-lt"/>
              </a:rPr>
              <a:t> </a:t>
            </a:r>
            <a:r>
              <a:rPr lang="de-DE" dirty="0" err="1" smtClean="0">
                <a:latin typeface="+mn-lt"/>
              </a:rPr>
              <a:t>flux</a:t>
            </a:r>
            <a:r>
              <a:rPr lang="de-DE" dirty="0" smtClean="0">
                <a:latin typeface="+mn-lt"/>
              </a:rPr>
              <a:t> </a:t>
            </a:r>
            <a:r>
              <a:rPr lang="de-DE" dirty="0" err="1" smtClean="0">
                <a:latin typeface="+mn-lt"/>
              </a:rPr>
              <a:t>surface</a:t>
            </a:r>
            <a:r>
              <a:rPr lang="de-DE" dirty="0" smtClean="0">
                <a:latin typeface="+mn-lt"/>
              </a:rPr>
              <a:t> </a:t>
            </a:r>
            <a:r>
              <a:rPr lang="de-DE" dirty="0" err="1" smtClean="0">
                <a:latin typeface="+mn-lt"/>
              </a:rPr>
              <a:t>average</a:t>
            </a:r>
            <a:endParaRPr lang="en-GB" dirty="0" err="1" smtClean="0">
              <a:latin typeface="+mn-lt"/>
            </a:endParaRPr>
          </a:p>
        </p:txBody>
      </p:sp>
      <p:sp>
        <p:nvSpPr>
          <p:cNvPr id="8" name="TextBox 7"/>
          <p:cNvSpPr txBox="1"/>
          <p:nvPr/>
        </p:nvSpPr>
        <p:spPr>
          <a:xfrm>
            <a:off x="570829" y="5618859"/>
            <a:ext cx="5498300" cy="748923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de-DE" sz="1400" dirty="0" smtClean="0">
                <a:latin typeface="+mn-lt"/>
              </a:rPr>
              <a:t>Wiesenberger M. </a:t>
            </a:r>
            <a:r>
              <a:rPr lang="de-DE" sz="1400" dirty="0" err="1" smtClean="0">
                <a:latin typeface="+mn-lt"/>
              </a:rPr>
              <a:t>and</a:t>
            </a:r>
            <a:r>
              <a:rPr lang="de-DE" sz="1400" dirty="0" smtClean="0">
                <a:latin typeface="+mn-lt"/>
              </a:rPr>
              <a:t> Held M. </a:t>
            </a:r>
            <a:r>
              <a:rPr lang="it-IT" sz="1400" dirty="0">
                <a:latin typeface="+mn-lt"/>
              </a:rPr>
              <a:t>Nucl. Fusion </a:t>
            </a:r>
            <a:r>
              <a:rPr lang="it-IT" sz="1400" b="1" dirty="0">
                <a:latin typeface="+mn-lt"/>
              </a:rPr>
              <a:t>60 </a:t>
            </a:r>
            <a:r>
              <a:rPr lang="it-IT" sz="1400" dirty="0">
                <a:latin typeface="+mn-lt"/>
              </a:rPr>
              <a:t>(2020) 096018 (26pp</a:t>
            </a:r>
            <a:r>
              <a:rPr lang="it-IT" sz="1400" dirty="0" smtClean="0">
                <a:latin typeface="+mn-lt"/>
              </a:rPr>
              <a:t>)</a:t>
            </a:r>
            <a:r>
              <a:rPr lang="en-GB" sz="1400" dirty="0">
                <a:latin typeface="+mn-lt"/>
              </a:rPr>
              <a:t> </a:t>
            </a:r>
            <a:endParaRPr lang="en-GB" sz="1400" dirty="0" smtClean="0">
              <a:latin typeface="+mn-lt"/>
            </a:endParaRPr>
          </a:p>
          <a:p>
            <a:pPr>
              <a:spcBef>
                <a:spcPts val="432"/>
              </a:spcBef>
            </a:pPr>
            <a:r>
              <a:rPr lang="en-GB" sz="1400" dirty="0" smtClean="0">
                <a:latin typeface="+mn-lt"/>
                <a:hlinkClick r:id="rId3"/>
              </a:rPr>
              <a:t>https</a:t>
            </a:r>
            <a:r>
              <a:rPr lang="en-GB" sz="1400" dirty="0">
                <a:latin typeface="+mn-lt"/>
                <a:hlinkClick r:id="rId3"/>
              </a:rPr>
              <a:t>://</a:t>
            </a:r>
            <a:r>
              <a:rPr lang="en-GB" sz="1400" dirty="0" smtClean="0">
                <a:latin typeface="+mn-lt"/>
                <a:hlinkClick r:id="rId3"/>
              </a:rPr>
              <a:t>doi.org/10.1088/1741-4326/ab9fa8</a:t>
            </a:r>
            <a:endParaRPr lang="en-GB" sz="1400" dirty="0" smtClean="0">
              <a:latin typeface="+mn-lt"/>
            </a:endParaRPr>
          </a:p>
          <a:p>
            <a:pPr>
              <a:spcBef>
                <a:spcPts val="432"/>
              </a:spcBef>
            </a:pPr>
            <a:endParaRPr lang="en-GB" sz="1400" dirty="0" err="1" smtClean="0">
              <a:latin typeface="+mn-lt"/>
            </a:endParaRPr>
          </a:p>
        </p:txBody>
      </p:sp>
      <p:pic>
        <p:nvPicPr>
          <p:cNvPr id="9" name="Picture 8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98662" y="3529893"/>
            <a:ext cx="7745621" cy="10598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0875267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DE" dirty="0" err="1" smtClean="0"/>
              <a:t>Which</a:t>
            </a:r>
            <a:r>
              <a:rPr lang="de-DE" dirty="0" smtClean="0"/>
              <a:t> </a:t>
            </a:r>
            <a:r>
              <a:rPr lang="de-DE" dirty="0" err="1" smtClean="0"/>
              <a:t>one</a:t>
            </a:r>
            <a:r>
              <a:rPr lang="de-DE" dirty="0" smtClean="0"/>
              <a:t> </a:t>
            </a:r>
            <a:r>
              <a:rPr lang="de-DE" dirty="0" err="1" smtClean="0"/>
              <a:t>is</a:t>
            </a:r>
            <a:r>
              <a:rPr lang="de-DE" dirty="0" smtClean="0"/>
              <a:t> </a:t>
            </a:r>
            <a:r>
              <a:rPr lang="de-DE" dirty="0" err="1" smtClean="0"/>
              <a:t>correct</a:t>
            </a:r>
            <a:r>
              <a:rPr lang="de-DE" dirty="0" smtClean="0"/>
              <a:t>?</a:t>
            </a:r>
            <a:endParaRPr lang="en-GB" dirty="0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48841" y="1737315"/>
            <a:ext cx="5671317" cy="2026971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Content Placeholder 4"/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665" t="50944" r="49462" b="-945"/>
          <a:stretch/>
        </p:blipFill>
        <p:spPr bwMode="auto">
          <a:xfrm>
            <a:off x="6394434" y="2750800"/>
            <a:ext cx="5544616" cy="10081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7" name="TextBox 6"/>
          <p:cNvSpPr txBox="1"/>
          <p:nvPr/>
        </p:nvSpPr>
        <p:spPr>
          <a:xfrm>
            <a:off x="1335503" y="1525863"/>
            <a:ext cx="1221488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000" b="1" dirty="0" smtClean="0">
                <a:latin typeface="+mn-lt"/>
              </a:rPr>
              <a:t>Drift-fluid </a:t>
            </a:r>
            <a:endParaRPr lang="en-GB" sz="2000" b="1" dirty="0" err="1" smtClean="0">
              <a:latin typeface="+mn-lt"/>
            </a:endParaRPr>
          </a:p>
        </p:txBody>
      </p:sp>
      <p:sp>
        <p:nvSpPr>
          <p:cNvPr id="8" name="TextBox 7"/>
          <p:cNvSpPr txBox="1"/>
          <p:nvPr/>
        </p:nvSpPr>
        <p:spPr>
          <a:xfrm>
            <a:off x="8506157" y="1175028"/>
            <a:ext cx="1223092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000" b="1" dirty="0" smtClean="0">
                <a:latin typeface="+mn-lt"/>
              </a:rPr>
              <a:t>Gyro-fluid</a:t>
            </a:r>
            <a:endParaRPr lang="en-GB" sz="2000" b="1" dirty="0" err="1" smtClean="0">
              <a:latin typeface="+mn-lt"/>
            </a:endParaRPr>
          </a:p>
        </p:txBody>
      </p:sp>
      <p:sp>
        <p:nvSpPr>
          <p:cNvPr id="9" name="Rectangle 8"/>
          <p:cNvSpPr/>
          <p:nvPr/>
        </p:nvSpPr>
        <p:spPr>
          <a:xfrm>
            <a:off x="364724" y="3867347"/>
            <a:ext cx="6092825" cy="461665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n-US" sz="1200" dirty="0" err="1" smtClean="0">
                <a:solidFill>
                  <a:srgbClr val="000000"/>
                </a:solidFill>
                <a:latin typeface="Montserrat-Regular" panose="02000505000000020004" pitchFamily="2" charset="0"/>
              </a:rPr>
              <a:t>Simakov</a:t>
            </a:r>
            <a:r>
              <a:rPr lang="en-US" sz="1200" dirty="0" smtClean="0">
                <a:solidFill>
                  <a:srgbClr val="000000"/>
                </a:solidFill>
                <a:latin typeface="Montserrat-Regular" panose="02000505000000020004" pitchFamily="2" charset="0"/>
              </a:rPr>
              <a:t> A. N. and </a:t>
            </a:r>
            <a:r>
              <a:rPr lang="en-US" sz="1200" dirty="0" err="1" smtClean="0">
                <a:solidFill>
                  <a:srgbClr val="000000"/>
                </a:solidFill>
                <a:latin typeface="Montserrat-Regular" panose="02000505000000020004" pitchFamily="2" charset="0"/>
              </a:rPr>
              <a:t>Catto</a:t>
            </a:r>
            <a:r>
              <a:rPr lang="en-US" sz="1200" dirty="0" smtClean="0">
                <a:solidFill>
                  <a:srgbClr val="000000"/>
                </a:solidFill>
                <a:latin typeface="Montserrat-Regular" panose="02000505000000020004" pitchFamily="2" charset="0"/>
              </a:rPr>
              <a:t> P.J., Physics </a:t>
            </a:r>
            <a:r>
              <a:rPr lang="en-US" sz="1200" dirty="0">
                <a:solidFill>
                  <a:srgbClr val="000000"/>
                </a:solidFill>
                <a:latin typeface="Montserrat-Regular" panose="02000505000000020004" pitchFamily="2" charset="0"/>
              </a:rPr>
              <a:t>of Plasmas </a:t>
            </a:r>
            <a:r>
              <a:rPr lang="en-US" sz="1200" b="1" dirty="0">
                <a:solidFill>
                  <a:srgbClr val="000000"/>
                </a:solidFill>
                <a:latin typeface="Montserrat-Bold"/>
              </a:rPr>
              <a:t>10</a:t>
            </a:r>
            <a:r>
              <a:rPr lang="en-US" sz="1200" dirty="0">
                <a:solidFill>
                  <a:srgbClr val="000000"/>
                </a:solidFill>
                <a:latin typeface="Montserrat-Regular" panose="02000505000000020004" pitchFamily="2" charset="0"/>
              </a:rPr>
              <a:t>, 4744 (2003); </a:t>
            </a:r>
            <a:r>
              <a:rPr lang="en-US" sz="1200" dirty="0">
                <a:solidFill>
                  <a:srgbClr val="00AFF0"/>
                </a:solidFill>
                <a:latin typeface="Montserrat-Regular" panose="02000505000000020004" pitchFamily="2" charset="0"/>
              </a:rPr>
              <a:t>https://doi.org/10.1063/1.1623492</a:t>
            </a:r>
            <a:endParaRPr lang="en-GB" sz="1200" dirty="0"/>
          </a:p>
        </p:txBody>
      </p:sp>
      <p:pic>
        <p:nvPicPr>
          <p:cNvPr id="10" name="Content Placeholder 4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51801"/>
          <a:stretch/>
        </p:blipFill>
        <p:spPr bwMode="auto">
          <a:xfrm>
            <a:off x="6430913" y="1643241"/>
            <a:ext cx="5671317" cy="97697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1" name="TextBox 10"/>
          <p:cNvSpPr txBox="1"/>
          <p:nvPr/>
        </p:nvSpPr>
        <p:spPr>
          <a:xfrm>
            <a:off x="532704" y="4515050"/>
            <a:ext cx="6835204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000" dirty="0" smtClean="0">
                <a:latin typeface="+mn-lt"/>
              </a:rPr>
              <a:t>Hypothesis: Drift-expansion must also </a:t>
            </a:r>
            <a:r>
              <a:rPr lang="de-DE" sz="2000" dirty="0" err="1" smtClean="0">
                <a:latin typeface="+mn-lt"/>
              </a:rPr>
              <a:t>expand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source</a:t>
            </a:r>
            <a:r>
              <a:rPr lang="de-DE" sz="2000" dirty="0" smtClean="0">
                <a:latin typeface="+mn-lt"/>
              </a:rPr>
              <a:t> </a:t>
            </a:r>
            <a:r>
              <a:rPr lang="de-DE" sz="2000" dirty="0" err="1" smtClean="0">
                <a:latin typeface="+mn-lt"/>
              </a:rPr>
              <a:t>terms</a:t>
            </a:r>
            <a:r>
              <a:rPr lang="de-DE" sz="2000" dirty="0" smtClean="0">
                <a:latin typeface="+mn-lt"/>
              </a:rPr>
              <a:t> </a:t>
            </a:r>
            <a:endParaRPr lang="en-GB" sz="2000" dirty="0" err="1" smtClean="0">
              <a:latin typeface="+mn-lt"/>
            </a:endParaRPr>
          </a:p>
        </p:txBody>
      </p:sp>
      <p:pic>
        <p:nvPicPr>
          <p:cNvPr id="12" name="Picture 11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55" r="53635" b="1739"/>
          <a:stretch/>
        </p:blipFill>
        <p:spPr>
          <a:xfrm>
            <a:off x="910630" y="5116150"/>
            <a:ext cx="3456385" cy="504089"/>
          </a:xfrm>
          <a:prstGeom prst="rect">
            <a:avLst/>
          </a:prstGeom>
        </p:spPr>
      </p:pic>
      <p:pic>
        <p:nvPicPr>
          <p:cNvPr id="14" name="Picture 13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0644" r="34178" b="50872"/>
          <a:stretch/>
        </p:blipFill>
        <p:spPr>
          <a:xfrm>
            <a:off x="7466257" y="4455257"/>
            <a:ext cx="3302892" cy="971104"/>
          </a:xfrm>
          <a:prstGeom prst="rect">
            <a:avLst/>
          </a:prstGeom>
        </p:spPr>
      </p:pic>
      <p:pic>
        <p:nvPicPr>
          <p:cNvPr id="15" name="Picture 14"/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4299" t="47953" r="30523" b="9447"/>
          <a:stretch/>
        </p:blipFill>
        <p:spPr>
          <a:xfrm>
            <a:off x="7466257" y="5558918"/>
            <a:ext cx="3323614" cy="847350"/>
          </a:xfrm>
          <a:prstGeom prst="rect">
            <a:avLst/>
          </a:prstGeom>
        </p:spPr>
      </p:pic>
      <p:pic>
        <p:nvPicPr>
          <p:cNvPr id="16" name="Picture 15"/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4510" t="-12409" r="-320" b="14148"/>
          <a:stretch/>
        </p:blipFill>
        <p:spPr>
          <a:xfrm>
            <a:off x="766614" y="5728701"/>
            <a:ext cx="3456385" cy="504089"/>
          </a:xfrm>
          <a:prstGeom prst="rect">
            <a:avLst/>
          </a:prstGeom>
        </p:spPr>
      </p:pic>
      <p:sp>
        <p:nvSpPr>
          <p:cNvPr id="17" name="Right Arrow 16"/>
          <p:cNvSpPr/>
          <p:nvPr/>
        </p:nvSpPr>
        <p:spPr bwMode="auto">
          <a:xfrm>
            <a:off x="5035156" y="5368194"/>
            <a:ext cx="1728192" cy="421827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Up Arrow 17"/>
          <p:cNvSpPr/>
          <p:nvPr/>
        </p:nvSpPr>
        <p:spPr bwMode="auto">
          <a:xfrm>
            <a:off x="8831510" y="3861973"/>
            <a:ext cx="897739" cy="586028"/>
          </a:xfrm>
          <a:prstGeom prst="up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TextBox 18"/>
          <p:cNvSpPr txBox="1"/>
          <p:nvPr/>
        </p:nvSpPr>
        <p:spPr>
          <a:xfrm>
            <a:off x="10127654" y="4077072"/>
            <a:ext cx="1578958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000" b="1" dirty="0" smtClean="0">
                <a:latin typeface="+mn-lt"/>
              </a:rPr>
              <a:t>Drift-</a:t>
            </a:r>
            <a:r>
              <a:rPr lang="de-DE" sz="2000" b="1" dirty="0" err="1" smtClean="0">
                <a:latin typeface="+mn-lt"/>
              </a:rPr>
              <a:t>kinetic</a:t>
            </a:r>
            <a:r>
              <a:rPr lang="de-DE" sz="2000" b="1" dirty="0" smtClean="0">
                <a:latin typeface="+mn-lt"/>
              </a:rPr>
              <a:t>?</a:t>
            </a:r>
            <a:endParaRPr lang="en-GB" b="1" dirty="0" err="1" smtClean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635434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7" name="Rectangle 76"/>
          <p:cNvSpPr/>
          <p:nvPr/>
        </p:nvSpPr>
        <p:spPr bwMode="auto">
          <a:xfrm>
            <a:off x="7031310" y="2543092"/>
            <a:ext cx="3600400" cy="2448272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5" name="Rectangle 4"/>
          <p:cNvSpPr/>
          <p:nvPr/>
        </p:nvSpPr>
        <p:spPr bwMode="auto">
          <a:xfrm>
            <a:off x="982638" y="2564904"/>
            <a:ext cx="3600400" cy="2448272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TextBox 5"/>
          <p:cNvSpPr txBox="1"/>
          <p:nvPr/>
        </p:nvSpPr>
        <p:spPr>
          <a:xfrm>
            <a:off x="1938076" y="5429342"/>
            <a:ext cx="74058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err="1" smtClean="0">
                <a:latin typeface="+mn-lt"/>
              </a:rPr>
              <a:t>mNV</a:t>
            </a:r>
            <a:r>
              <a:rPr lang="en-GB" dirty="0" err="1" smtClean="0">
                <a:latin typeface="+mn-lt"/>
              </a:rPr>
              <a:t>_n</a:t>
            </a:r>
            <a:r>
              <a:rPr lang="en-GB" dirty="0" smtClean="0">
                <a:latin typeface="+mn-lt"/>
              </a:rPr>
              <a:t> </a:t>
            </a:r>
            <a:endParaRPr lang="en-GB" dirty="0" smtClean="0">
              <a:latin typeface="+mn-lt"/>
            </a:endParaRPr>
          </a:p>
        </p:txBody>
      </p:sp>
      <p:sp>
        <p:nvSpPr>
          <p:cNvPr id="7" name="TextBox 6"/>
          <p:cNvSpPr txBox="1"/>
          <p:nvPr/>
        </p:nvSpPr>
        <p:spPr>
          <a:xfrm>
            <a:off x="8183438" y="1997223"/>
            <a:ext cx="126477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AFTER: </a:t>
            </a:r>
            <a:r>
              <a:rPr lang="en-GB" b="1" dirty="0" smtClean="0">
                <a:ln w="22225">
                  <a:solidFill>
                    <a:schemeClr val="accent2"/>
                  </a:solidFill>
                  <a:prstDash val="solid"/>
                </a:ln>
                <a:solidFill>
                  <a:schemeClr val="accent2">
                    <a:lumMod val="40000"/>
                    <a:lumOff val="60000"/>
                  </a:schemeClr>
                </a:solidFill>
                <a:latin typeface="+mn-lt"/>
              </a:rPr>
              <a:t>ions </a:t>
            </a:r>
            <a:endParaRPr lang="en-GB" b="1" dirty="0" smtClean="0">
              <a:ln w="22225">
                <a:solidFill>
                  <a:schemeClr val="accent2"/>
                </a:solidFill>
                <a:prstDash val="solid"/>
              </a:ln>
              <a:solidFill>
                <a:schemeClr val="accent2">
                  <a:lumMod val="40000"/>
                  <a:lumOff val="60000"/>
                </a:schemeClr>
              </a:solidFill>
              <a:latin typeface="+mn-lt"/>
            </a:endParaRPr>
          </a:p>
        </p:txBody>
      </p:sp>
      <p:sp>
        <p:nvSpPr>
          <p:cNvPr id="9" name="TextBox 8"/>
          <p:cNvSpPr txBox="1"/>
          <p:nvPr/>
        </p:nvSpPr>
        <p:spPr>
          <a:xfrm>
            <a:off x="1711102" y="1997224"/>
            <a:ext cx="174406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smtClean="0">
                <a:latin typeface="+mn-lt"/>
              </a:rPr>
              <a:t>BEFORE: </a:t>
            </a:r>
            <a:r>
              <a:rPr lang="en-GB" dirty="0" smtClean="0">
                <a:ln w="0"/>
                <a:solidFill>
                  <a:schemeClr val="accent1"/>
                </a:solidFill>
                <a:effectLst>
                  <a:outerShdw blurRad="38100" dist="25400" dir="5400000" algn="ctr" rotWithShape="0">
                    <a:srgbClr val="6E747A">
                      <a:alpha val="43000"/>
                    </a:srgbClr>
                  </a:outerShdw>
                </a:effectLst>
                <a:latin typeface="+mn-lt"/>
              </a:rPr>
              <a:t>neutrals </a:t>
            </a:r>
            <a:endParaRPr lang="en-GB" dirty="0" smtClean="0">
              <a:ln w="0"/>
              <a:solidFill>
                <a:schemeClr val="accent1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  <a:latin typeface="+mn-lt"/>
            </a:endParaRPr>
          </a:p>
        </p:txBody>
      </p:sp>
      <p:sp>
        <p:nvSpPr>
          <p:cNvPr id="10" name="TextBox 9"/>
          <p:cNvSpPr txBox="1"/>
          <p:nvPr/>
        </p:nvSpPr>
        <p:spPr>
          <a:xfrm>
            <a:off x="8111430" y="5373216"/>
            <a:ext cx="1045158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dirty="0" err="1" smtClean="0">
                <a:latin typeface="+mn-lt"/>
              </a:rPr>
              <a:t>mN</a:t>
            </a:r>
            <a:r>
              <a:rPr lang="en-GB" dirty="0" smtClean="0">
                <a:latin typeface="+mn-lt"/>
              </a:rPr>
              <a:t>&lt;V&gt; = 0</a:t>
            </a:r>
            <a:endParaRPr lang="en-GB" dirty="0" smtClean="0">
              <a:latin typeface="+mn-lt"/>
            </a:endParaRPr>
          </a:p>
        </p:txBody>
      </p:sp>
      <p:cxnSp>
        <p:nvCxnSpPr>
          <p:cNvPr id="14" name="Straight Arrow Connector 13"/>
          <p:cNvCxnSpPr/>
          <p:nvPr/>
        </p:nvCxnSpPr>
        <p:spPr bwMode="auto">
          <a:xfrm flipV="1">
            <a:off x="1636536" y="3377118"/>
            <a:ext cx="355893" cy="26571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" name="Straight Arrow Connector 14"/>
          <p:cNvCxnSpPr/>
          <p:nvPr/>
        </p:nvCxnSpPr>
        <p:spPr bwMode="auto">
          <a:xfrm>
            <a:off x="2144874" y="2996952"/>
            <a:ext cx="587800" cy="0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Arrow Connector 15"/>
          <p:cNvCxnSpPr/>
          <p:nvPr/>
        </p:nvCxnSpPr>
        <p:spPr bwMode="auto">
          <a:xfrm flipV="1">
            <a:off x="3201160" y="3638063"/>
            <a:ext cx="839350" cy="57429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Arrow Connector 16"/>
          <p:cNvCxnSpPr/>
          <p:nvPr/>
        </p:nvCxnSpPr>
        <p:spPr bwMode="auto">
          <a:xfrm>
            <a:off x="2015902" y="3958208"/>
            <a:ext cx="808856" cy="30856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Arrow Connector 17"/>
          <p:cNvCxnSpPr/>
          <p:nvPr/>
        </p:nvCxnSpPr>
        <p:spPr bwMode="auto">
          <a:xfrm flipV="1">
            <a:off x="1310032" y="4595428"/>
            <a:ext cx="705870" cy="27086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Arrow Connector 18"/>
          <p:cNvCxnSpPr/>
          <p:nvPr/>
        </p:nvCxnSpPr>
        <p:spPr bwMode="auto">
          <a:xfrm>
            <a:off x="2320702" y="4263008"/>
            <a:ext cx="388123" cy="47515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Arrow Connector 19"/>
          <p:cNvCxnSpPr/>
          <p:nvPr/>
        </p:nvCxnSpPr>
        <p:spPr bwMode="auto">
          <a:xfrm flipV="1">
            <a:off x="3544838" y="3789040"/>
            <a:ext cx="606152" cy="120429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Straight Arrow Connector 20"/>
          <p:cNvCxnSpPr/>
          <p:nvPr/>
        </p:nvCxnSpPr>
        <p:spPr bwMode="auto">
          <a:xfrm flipV="1">
            <a:off x="3270126" y="4323701"/>
            <a:ext cx="764468" cy="105517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2" name="Straight Arrow Connector 21"/>
          <p:cNvCxnSpPr/>
          <p:nvPr/>
        </p:nvCxnSpPr>
        <p:spPr bwMode="auto">
          <a:xfrm flipV="1">
            <a:off x="3010204" y="3281437"/>
            <a:ext cx="578532" cy="56971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Straight Arrow Connector 22"/>
          <p:cNvCxnSpPr/>
          <p:nvPr/>
        </p:nvCxnSpPr>
        <p:spPr bwMode="auto">
          <a:xfrm flipV="1">
            <a:off x="2930302" y="4797152"/>
            <a:ext cx="874948" cy="75456"/>
          </a:xfrm>
          <a:prstGeom prst="straightConnector1">
            <a:avLst/>
          </a:prstGeom>
          <a:solidFill>
            <a:schemeClr val="accent1"/>
          </a:solidFill>
          <a:ln w="381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2" name="Straight Connector 41"/>
          <p:cNvCxnSpPr/>
          <p:nvPr/>
        </p:nvCxnSpPr>
        <p:spPr bwMode="auto">
          <a:xfrm flipH="1">
            <a:off x="5681758" y="2354796"/>
            <a:ext cx="72361" cy="3450468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43" name="TextBox 42"/>
          <p:cNvSpPr txBox="1"/>
          <p:nvPr/>
        </p:nvSpPr>
        <p:spPr>
          <a:xfrm>
            <a:off x="5102240" y="1805041"/>
            <a:ext cx="11597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dirty="0" smtClean="0">
                <a:latin typeface="+mn-lt"/>
              </a:rPr>
              <a:t>IONIZATION</a:t>
            </a:r>
            <a:endParaRPr lang="en-GB" dirty="0" err="1" smtClean="0">
              <a:latin typeface="+mn-lt"/>
            </a:endParaRPr>
          </a:p>
        </p:txBody>
      </p:sp>
      <p:sp>
        <p:nvSpPr>
          <p:cNvPr id="52" name="Rectangle 51"/>
          <p:cNvSpPr/>
          <p:nvPr/>
        </p:nvSpPr>
        <p:spPr>
          <a:xfrm>
            <a:off x="2732674" y="6126398"/>
            <a:ext cx="6669046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Bef>
                <a:spcPts val="432"/>
              </a:spcBef>
            </a:pPr>
            <a:r>
              <a:rPr lang="de-DE" dirty="0" smtClean="0"/>
              <a:t>Drift-fluid </a:t>
            </a:r>
            <a:r>
              <a:rPr lang="de-DE" dirty="0" err="1" smtClean="0"/>
              <a:t>predicts</a:t>
            </a:r>
            <a:r>
              <a:rPr lang="de-DE" dirty="0" smtClean="0"/>
              <a:t> </a:t>
            </a:r>
            <a:r>
              <a:rPr lang="de-DE" b="1" dirty="0" err="1" smtClean="0"/>
              <a:t>wrong</a:t>
            </a:r>
            <a:r>
              <a:rPr lang="de-DE" b="1" dirty="0" smtClean="0"/>
              <a:t> </a:t>
            </a:r>
            <a:r>
              <a:rPr lang="de-DE" b="1" dirty="0" err="1" smtClean="0"/>
              <a:t>momentum</a:t>
            </a:r>
            <a:r>
              <a:rPr lang="de-DE" b="1" dirty="0" smtClean="0"/>
              <a:t> </a:t>
            </a:r>
            <a:r>
              <a:rPr lang="de-DE" b="1" dirty="0" err="1" smtClean="0"/>
              <a:t>gain</a:t>
            </a:r>
            <a:r>
              <a:rPr lang="de-DE" b="1" dirty="0" smtClean="0"/>
              <a:t> </a:t>
            </a:r>
            <a:r>
              <a:rPr lang="de-DE" dirty="0" err="1" smtClean="0"/>
              <a:t>by</a:t>
            </a:r>
            <a:r>
              <a:rPr lang="de-DE" dirty="0" smtClean="0"/>
              <a:t> </a:t>
            </a:r>
            <a:r>
              <a:rPr lang="de-DE" dirty="0" err="1" smtClean="0"/>
              <a:t>plasma</a:t>
            </a:r>
            <a:endParaRPr lang="en-GB" dirty="0" err="1"/>
          </a:p>
        </p:txBody>
      </p:sp>
      <p:sp>
        <p:nvSpPr>
          <p:cNvPr id="67" name="Oval 66"/>
          <p:cNvSpPr/>
          <p:nvPr/>
        </p:nvSpPr>
        <p:spPr bwMode="auto">
          <a:xfrm>
            <a:off x="7985589" y="2712467"/>
            <a:ext cx="554220" cy="568970"/>
          </a:xfrm>
          <a:prstGeom prst="ellipse">
            <a:avLst/>
          </a:prstGeom>
          <a:noFill/>
          <a:ln w="38100" cap="flat" cmpd="sng" algn="ctr">
            <a:solidFill>
              <a:schemeClr val="accent4">
                <a:lumMod val="10000"/>
                <a:lumOff val="9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chemeClr val="accent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8" name="Oval 67"/>
          <p:cNvSpPr/>
          <p:nvPr/>
        </p:nvSpPr>
        <p:spPr bwMode="auto">
          <a:xfrm>
            <a:off x="7396245" y="3309922"/>
            <a:ext cx="402457" cy="413168"/>
          </a:xfrm>
          <a:prstGeom prst="ellipse">
            <a:avLst/>
          </a:prstGeom>
          <a:noFill/>
          <a:ln w="38100" cap="flat" cmpd="sng" algn="ctr">
            <a:solidFill>
              <a:schemeClr val="accent4">
                <a:lumMod val="10000"/>
                <a:lumOff val="9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chemeClr val="accent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9" name="Oval 68"/>
          <p:cNvSpPr/>
          <p:nvPr/>
        </p:nvSpPr>
        <p:spPr bwMode="auto">
          <a:xfrm>
            <a:off x="8253114" y="3338408"/>
            <a:ext cx="554220" cy="568970"/>
          </a:xfrm>
          <a:prstGeom prst="ellipse">
            <a:avLst/>
          </a:prstGeom>
          <a:noFill/>
          <a:ln w="38100" cap="flat" cmpd="sng" algn="ctr">
            <a:solidFill>
              <a:schemeClr val="accent4">
                <a:lumMod val="10000"/>
                <a:lumOff val="9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chemeClr val="accent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0" name="Oval 69"/>
          <p:cNvSpPr/>
          <p:nvPr/>
        </p:nvSpPr>
        <p:spPr bwMode="auto">
          <a:xfrm>
            <a:off x="8470511" y="4059800"/>
            <a:ext cx="307166" cy="315341"/>
          </a:xfrm>
          <a:prstGeom prst="ellipse">
            <a:avLst/>
          </a:prstGeom>
          <a:noFill/>
          <a:ln w="38100" cap="flat" cmpd="sng" algn="ctr">
            <a:solidFill>
              <a:schemeClr val="accent4">
                <a:lumMod val="10000"/>
                <a:lumOff val="9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chemeClr val="accent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1" name="Oval 70"/>
          <p:cNvSpPr/>
          <p:nvPr/>
        </p:nvSpPr>
        <p:spPr bwMode="auto">
          <a:xfrm>
            <a:off x="7515310" y="4204266"/>
            <a:ext cx="554220" cy="568970"/>
          </a:xfrm>
          <a:prstGeom prst="ellipse">
            <a:avLst/>
          </a:prstGeom>
          <a:noFill/>
          <a:ln w="38100" cap="flat" cmpd="sng" algn="ctr">
            <a:solidFill>
              <a:schemeClr val="accent4">
                <a:lumMod val="10000"/>
                <a:lumOff val="9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chemeClr val="accent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2" name="Oval 71"/>
          <p:cNvSpPr/>
          <p:nvPr/>
        </p:nvSpPr>
        <p:spPr bwMode="auto">
          <a:xfrm>
            <a:off x="9178658" y="4241427"/>
            <a:ext cx="554220" cy="568970"/>
          </a:xfrm>
          <a:prstGeom prst="ellipse">
            <a:avLst/>
          </a:prstGeom>
          <a:noFill/>
          <a:ln w="38100" cap="flat" cmpd="sng" algn="ctr">
            <a:solidFill>
              <a:schemeClr val="accent4">
                <a:lumMod val="10000"/>
                <a:lumOff val="9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chemeClr val="accent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3" name="Oval 72"/>
          <p:cNvSpPr/>
          <p:nvPr/>
        </p:nvSpPr>
        <p:spPr bwMode="auto">
          <a:xfrm>
            <a:off x="9045202" y="2843720"/>
            <a:ext cx="554220" cy="568970"/>
          </a:xfrm>
          <a:prstGeom prst="ellipse">
            <a:avLst/>
          </a:prstGeom>
          <a:noFill/>
          <a:ln w="38100" cap="flat" cmpd="sng" algn="ctr">
            <a:solidFill>
              <a:schemeClr val="accent4">
                <a:lumMod val="10000"/>
                <a:lumOff val="9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chemeClr val="accent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4" name="Oval 73"/>
          <p:cNvSpPr/>
          <p:nvPr/>
        </p:nvSpPr>
        <p:spPr bwMode="auto">
          <a:xfrm>
            <a:off x="9532456" y="3427048"/>
            <a:ext cx="307166" cy="315341"/>
          </a:xfrm>
          <a:prstGeom prst="ellipse">
            <a:avLst/>
          </a:prstGeom>
          <a:noFill/>
          <a:ln w="38100" cap="flat" cmpd="sng" algn="ctr">
            <a:solidFill>
              <a:schemeClr val="accent4">
                <a:lumMod val="10000"/>
                <a:lumOff val="9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chemeClr val="accent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5" name="Oval 74"/>
          <p:cNvSpPr/>
          <p:nvPr/>
        </p:nvSpPr>
        <p:spPr bwMode="auto">
          <a:xfrm>
            <a:off x="9219539" y="3093602"/>
            <a:ext cx="554220" cy="568970"/>
          </a:xfrm>
          <a:prstGeom prst="ellipse">
            <a:avLst/>
          </a:prstGeom>
          <a:noFill/>
          <a:ln w="38100" cap="flat" cmpd="sng" algn="ctr">
            <a:solidFill>
              <a:schemeClr val="accent4">
                <a:lumMod val="10000"/>
                <a:lumOff val="9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chemeClr val="accent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76" name="Oval 75"/>
          <p:cNvSpPr/>
          <p:nvPr/>
        </p:nvSpPr>
        <p:spPr bwMode="auto">
          <a:xfrm>
            <a:off x="9185244" y="3928618"/>
            <a:ext cx="554220" cy="568970"/>
          </a:xfrm>
          <a:prstGeom prst="ellipse">
            <a:avLst/>
          </a:prstGeom>
          <a:noFill/>
          <a:ln w="38100" cap="flat" cmpd="sng" algn="ctr">
            <a:solidFill>
              <a:schemeClr val="accent4">
                <a:lumMod val="10000"/>
                <a:lumOff val="9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chemeClr val="accent2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81" name="Rectangle 80"/>
          <p:cNvSpPr/>
          <p:nvPr/>
        </p:nvSpPr>
        <p:spPr>
          <a:xfrm>
            <a:off x="4665681" y="4571426"/>
            <a:ext cx="718465" cy="923330"/>
          </a:xfrm>
          <a:prstGeom prst="rect">
            <a:avLst/>
          </a:prstGeom>
          <a:noFill/>
        </p:spPr>
        <p:txBody>
          <a:bodyPr wrap="none" lIns="91440" tIns="45720" rIns="91440" bIns="45720">
            <a:spAutoFit/>
          </a:bodyPr>
          <a:lstStyle/>
          <a:p>
            <a:pPr algn="ctr"/>
            <a:r>
              <a:rPr lang="en-US" sz="5400" b="1" spc="50" dirty="0" smtClean="0">
                <a:ln w="9525" cmpd="sng">
                  <a:solidFill>
                    <a:schemeClr val="accent1"/>
                  </a:solidFill>
                  <a:prstDash val="solid"/>
                </a:ln>
                <a:solidFill>
                  <a:srgbClr val="70AD47">
                    <a:tint val="1000"/>
                  </a:srgbClr>
                </a:solidFill>
                <a:effectLst>
                  <a:glow rad="38100">
                    <a:schemeClr val="accent1">
                      <a:alpha val="40000"/>
                    </a:schemeClr>
                  </a:glow>
                </a:effectLst>
              </a:rPr>
              <a:t>B</a:t>
            </a:r>
            <a:endParaRPr lang="en-US" sz="5400" b="1" spc="50" dirty="0">
              <a:ln w="9525" cmpd="sng">
                <a:solidFill>
                  <a:schemeClr val="accent1"/>
                </a:solidFill>
                <a:prstDash val="solid"/>
              </a:ln>
              <a:solidFill>
                <a:srgbClr val="70AD47">
                  <a:tint val="1000"/>
                </a:srgbClr>
              </a:solidFill>
              <a:effectLst>
                <a:glow rad="38100">
                  <a:schemeClr val="accent1">
                    <a:alpha val="40000"/>
                  </a:schemeClr>
                </a:glow>
              </a:effectLst>
            </a:endParaRPr>
          </a:p>
        </p:txBody>
      </p:sp>
      <p:sp>
        <p:nvSpPr>
          <p:cNvPr id="82" name="Rectangle 81"/>
          <p:cNvSpPr/>
          <p:nvPr/>
        </p:nvSpPr>
        <p:spPr>
          <a:xfrm>
            <a:off x="10721893" y="4571426"/>
            <a:ext cx="718465" cy="923330"/>
          </a:xfrm>
          <a:prstGeom prst="rect">
            <a:avLst/>
          </a:prstGeom>
          <a:noFill/>
        </p:spPr>
        <p:txBody>
          <a:bodyPr wrap="none" lIns="91440" tIns="45720" rIns="91440" bIns="45720">
            <a:spAutoFit/>
          </a:bodyPr>
          <a:lstStyle/>
          <a:p>
            <a:pPr algn="ctr"/>
            <a:r>
              <a:rPr lang="en-US" sz="5400" b="1" spc="50" dirty="0" smtClean="0">
                <a:ln w="9525" cmpd="sng">
                  <a:solidFill>
                    <a:schemeClr val="accent1"/>
                  </a:solidFill>
                  <a:prstDash val="solid"/>
                </a:ln>
                <a:solidFill>
                  <a:srgbClr val="70AD47">
                    <a:tint val="1000"/>
                  </a:srgbClr>
                </a:solidFill>
                <a:effectLst>
                  <a:glow rad="38100">
                    <a:schemeClr val="accent1">
                      <a:alpha val="40000"/>
                    </a:schemeClr>
                  </a:glow>
                </a:effectLst>
              </a:rPr>
              <a:t>B</a:t>
            </a:r>
            <a:endParaRPr lang="en-US" sz="5400" b="1" spc="50" dirty="0">
              <a:ln w="9525" cmpd="sng">
                <a:solidFill>
                  <a:schemeClr val="accent1"/>
                </a:solidFill>
                <a:prstDash val="solid"/>
              </a:ln>
              <a:solidFill>
                <a:srgbClr val="70AD47">
                  <a:tint val="1000"/>
                </a:srgbClr>
              </a:solidFill>
              <a:effectLst>
                <a:glow rad="38100">
                  <a:schemeClr val="accent1">
                    <a:alpha val="40000"/>
                  </a:schemeClr>
                </a:glow>
              </a:effectLst>
            </a:endParaRPr>
          </a:p>
        </p:txBody>
      </p:sp>
      <p:sp>
        <p:nvSpPr>
          <p:cNvPr id="84" name="TextBox 83"/>
          <p:cNvSpPr txBox="1"/>
          <p:nvPr/>
        </p:nvSpPr>
        <p:spPr>
          <a:xfrm>
            <a:off x="1814482" y="948499"/>
            <a:ext cx="9375323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e-DE" sz="2000" b="1" dirty="0" err="1" smtClean="0">
                <a:latin typeface="+mn-lt"/>
              </a:rPr>
              <a:t>Without</a:t>
            </a:r>
            <a:r>
              <a:rPr lang="de-DE" sz="2000" b="1" dirty="0" smtClean="0">
                <a:latin typeface="+mn-lt"/>
              </a:rPr>
              <a:t> E-</a:t>
            </a:r>
            <a:r>
              <a:rPr lang="de-DE" sz="2000" b="1" dirty="0" err="1" smtClean="0">
                <a:latin typeface="+mn-lt"/>
              </a:rPr>
              <a:t>field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no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net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momentum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is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transfered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into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the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plasma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by</a:t>
            </a:r>
            <a:r>
              <a:rPr lang="de-DE" sz="2000" b="1" dirty="0" smtClean="0">
                <a:latin typeface="+mn-lt"/>
              </a:rPr>
              <a:t> </a:t>
            </a:r>
            <a:r>
              <a:rPr lang="de-DE" sz="2000" b="1" dirty="0" err="1" smtClean="0">
                <a:latin typeface="+mn-lt"/>
              </a:rPr>
              <a:t>ionization</a:t>
            </a:r>
            <a:r>
              <a:rPr lang="de-DE" sz="2000" b="1" dirty="0" smtClean="0">
                <a:latin typeface="+mn-lt"/>
              </a:rPr>
              <a:t>!</a:t>
            </a:r>
            <a:endParaRPr lang="en-GB" sz="2000" b="1" dirty="0" err="1" smtClean="0">
              <a:latin typeface="+mn-lt"/>
            </a:endParaRPr>
          </a:p>
        </p:txBody>
      </p:sp>
      <p:sp>
        <p:nvSpPr>
          <p:cNvPr id="85" name="Left Arrow 84"/>
          <p:cNvSpPr/>
          <p:nvPr/>
        </p:nvSpPr>
        <p:spPr bwMode="auto">
          <a:xfrm rot="10800000">
            <a:off x="1566097" y="5106472"/>
            <a:ext cx="1635063" cy="257835"/>
          </a:xfrm>
          <a:prstGeom prst="leftArrow">
            <a:avLst/>
          </a:prstGeom>
          <a:solidFill>
            <a:schemeClr val="accent3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6508036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2E7CCCE-613B-4CED-B813-E473EA1E01B2}">
  <ds:schemaRefs/>
</ds:datastoreItem>
</file>

<file path=customXml/itemProps3.xml><?xml version="1.0" encoding="utf-8"?>
<ds:datastoreItem xmlns:ds="http://schemas.openxmlformats.org/officeDocument/2006/customXml" ds:itemID="{11FAAC39-0A3A-4CC2-A9C1-60940B78AE17}">
  <ds:schemaRefs/>
</ds:datastoreItem>
</file>

<file path=customXml/itemProps4.xml><?xml version="1.0" encoding="utf-8"?>
<ds:datastoreItem xmlns:ds="http://schemas.openxmlformats.org/officeDocument/2006/customXml" ds:itemID="{F4C08C7F-F953-44DE-ACDE-930692BDDB0F}">
  <ds:schemaRefs/>
</ds:datastoreItem>
</file>

<file path=customXml/itemProps5.xml><?xml version="1.0" encoding="utf-8"?>
<ds:datastoreItem xmlns:ds="http://schemas.openxmlformats.org/officeDocument/2006/customXml" ds:itemID="{56C8BFB2-A911-4310-9D4A-421D773FAFA6}">
  <ds:schemaRefs/>
</ds:datastoreItem>
</file>

<file path=customXml/itemProps6.xml><?xml version="1.0" encoding="utf-8"?>
<ds:datastoreItem xmlns:ds="http://schemas.openxmlformats.org/officeDocument/2006/customXml" ds:itemID="{05DC2B94-7C1B-4C14-83B0-9CD2A82C27E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380</TotalTime>
  <Words>486</Words>
  <Application>Microsoft Office PowerPoint</Application>
  <PresentationFormat>Custom</PresentationFormat>
  <Paragraphs>73</Paragraphs>
  <Slides>1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9" baseType="lpstr">
      <vt:lpstr>ＭＳ Ｐゴシック</vt:lpstr>
      <vt:lpstr>Arial</vt:lpstr>
      <vt:lpstr>Montserrat-Bold</vt:lpstr>
      <vt:lpstr>Montserrat-Regular</vt:lpstr>
      <vt:lpstr>Segoe UI Symbol</vt:lpstr>
      <vt:lpstr>Verdana</vt:lpstr>
      <vt:lpstr>Wingdings</vt:lpstr>
      <vt:lpstr>Blank</vt:lpstr>
      <vt:lpstr>Source terms in gyro-fluid models</vt:lpstr>
      <vt:lpstr>Overview</vt:lpstr>
      <vt:lpstr>The kinetic source function</vt:lpstr>
      <vt:lpstr>Gyro-kinetics = coordinate transformation</vt:lpstr>
      <vt:lpstr>Derive quasineutrality in time in long wavelength:</vt:lpstr>
      <vt:lpstr>Density and pressure sources generate vorticity…</vt:lpstr>
      <vt:lpstr>… or angular momentum</vt:lpstr>
      <vt:lpstr>Which one is correct?</vt:lpstr>
      <vt:lpstr>PowerPoint Presentation</vt:lpstr>
      <vt:lpstr>PowerPoint Presentation</vt:lpstr>
      <vt:lpstr>Summary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atthias Wiesenberger</dc:creator>
  <cp:lastModifiedBy>Matthias Wiesenberger</cp:lastModifiedBy>
  <cp:revision>27</cp:revision>
  <dcterms:created xsi:type="dcterms:W3CDTF">2021-09-21T14:11:24Z</dcterms:created>
  <dcterms:modified xsi:type="dcterms:W3CDTF">2021-09-22T13:11:3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